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7年度\R7.12\"/>
    </mc:Choice>
  </mc:AlternateContent>
  <xr:revisionPtr revIDLastSave="0" documentId="13_ncr:1_{02C43A72-F9E9-4F99-8976-B4D31AD875D9}" xr6:coauthVersionLast="47" xr6:coauthVersionMax="47" xr10:uidLastSave="{00000000-0000-0000-0000-000000000000}"/>
  <bookViews>
    <workbookView xWindow="-120" yWindow="-120" windowWidth="29040" windowHeight="15720" tabRatio="856" xr2:uid="{00000000-000D-0000-FFFF-FFFF00000000}"/>
  </bookViews>
  <sheets>
    <sheet name="表紙" sheetId="49" r:id="rId1"/>
    <sheet name="特養" sheetId="2" r:id="rId2"/>
    <sheet name="老健" sheetId="3" r:id="rId3"/>
    <sheet name="医療院" sheetId="57" r:id="rId4"/>
    <sheet name="訪問介護" sheetId="13" r:id="rId5"/>
    <sheet name="訪問入浴介護" sheetId="15" r:id="rId6"/>
    <sheet name="訪問看護" sheetId="50" r:id="rId7"/>
    <sheet name="訪問リハ" sheetId="51" r:id="rId8"/>
    <sheet name="居宅療養管理指導" sheetId="5" r:id="rId9"/>
    <sheet name="通所介護" sheetId="10" r:id="rId10"/>
    <sheet name="通所リハ" sheetId="52" r:id="rId11"/>
    <sheet name="短期入所生活介護" sheetId="6" r:id="rId12"/>
    <sheet name="短期入所療養介護" sheetId="7" r:id="rId13"/>
    <sheet name="特定施設入居者生活介護" sheetId="36" r:id="rId14"/>
    <sheet name="福祉用具貸与" sheetId="11" r:id="rId15"/>
    <sheet name="特定福祉用具販売" sheetId="20" r:id="rId16"/>
    <sheet name="居宅介護支援" sheetId="4" r:id="rId17"/>
  </sheets>
  <definedNames>
    <definedName name="_xlnm._FilterDatabase" localSheetId="3" hidden="1">医療院!$A$1:$J$1</definedName>
    <definedName name="_xlnm._FilterDatabase" localSheetId="16" hidden="1">居宅介護支援!$A$1:$I$121</definedName>
    <definedName name="_xlnm._FilterDatabase" localSheetId="8" hidden="1">居宅療養管理指導!$A$1:$L$1</definedName>
    <definedName name="_xlnm._FilterDatabase" localSheetId="11" hidden="1">短期入所生活介護!$A$1:$DB$1</definedName>
    <definedName name="_xlnm._FilterDatabase" localSheetId="12" hidden="1">短期入所療養介護!$A$1:$K$1</definedName>
    <definedName name="_xlnm._FilterDatabase" localSheetId="10" hidden="1">通所リハ!$A$1:$L$9</definedName>
    <definedName name="_xlnm._FilterDatabase" localSheetId="9" hidden="1">通所介護!$A$1:$M$105</definedName>
    <definedName name="_xlnm._FilterDatabase" localSheetId="13" hidden="1">特定施設入居者生活介護!$B$1:$V$2</definedName>
    <definedName name="_xlnm._FilterDatabase" localSheetId="15" hidden="1">特定福祉用具販売!$A$1:$K$29</definedName>
    <definedName name="_xlnm._FilterDatabase" localSheetId="1" hidden="1">特養!$A$1:$O$1</definedName>
    <definedName name="_xlnm._FilterDatabase" localSheetId="14" hidden="1">福祉用具貸与!$A$1:$K$30</definedName>
    <definedName name="_xlnm._FilterDatabase" localSheetId="7" hidden="1">訪問リハ!$A$1:$L$1</definedName>
    <definedName name="_xlnm._FilterDatabase" localSheetId="4" hidden="1">訪問介護!$A$2:$IO$102</definedName>
    <definedName name="_xlnm._FilterDatabase" localSheetId="6" hidden="1">訪問看護!$A$1:$HZ$56</definedName>
    <definedName name="_xlnm._FilterDatabase" localSheetId="5" hidden="1">訪問入浴介護!$A$1:$K$1</definedName>
    <definedName name="_xlnm._FilterDatabase" localSheetId="2" hidden="1">老健!$A$1:$J$1</definedName>
    <definedName name="_xlnm.Print_Area" localSheetId="3">医療院!$A$1:$J$14</definedName>
    <definedName name="_xlnm.Print_Area" localSheetId="16">居宅介護支援!$A$1:$I$124</definedName>
    <definedName name="_xlnm.Print_Area" localSheetId="8">居宅療養管理指導!$A$1:$K$4</definedName>
    <definedName name="_xlnm.Print_Area" localSheetId="11">短期入所生活介護!$A$1:$L$59</definedName>
    <definedName name="_xlnm.Print_Area" localSheetId="12">短期入所療養介護!$A$1:$K$7</definedName>
    <definedName name="_xlnm.Print_Area" localSheetId="10">通所リハ!$A$1:$L$9</definedName>
    <definedName name="_xlnm.Print_Area" localSheetId="9">通所介護!$A$1:$L$105</definedName>
    <definedName name="_xlnm.Print_Area" localSheetId="13">特定施設入居者生活介護!$A$1:$L$9</definedName>
    <definedName name="_xlnm.Print_Area" localSheetId="15">特定福祉用具販売!$A$1:$K$31</definedName>
    <definedName name="_xlnm.Print_Area" localSheetId="14">福祉用具貸与!$A$1:$K$33</definedName>
    <definedName name="_xlnm.Print_Area" localSheetId="7">訪問リハ!$A$1:$K$11</definedName>
    <definedName name="_xlnm.Print_Area" localSheetId="4">訪問介護!$A$1:$N$135</definedName>
    <definedName name="_xlnm.Print_Area" localSheetId="6">訪問看護!$A$1:$K$57</definedName>
    <definedName name="_xlnm.Print_Titles" localSheetId="16">居宅介護支援!$1:$1</definedName>
    <definedName name="_xlnm.Print_Titles" localSheetId="8">居宅療養管理指導!$1:$1</definedName>
    <definedName name="_xlnm.Print_Titles" localSheetId="12">短期入所療養介護!$1:$1</definedName>
    <definedName name="_xlnm.Print_Titles" localSheetId="9">通所介護!$1:$1</definedName>
    <definedName name="_xlnm.Print_Titles" localSheetId="13">特定施設入居者生活介護!$1:$1</definedName>
    <definedName name="_xlnm.Print_Titles" localSheetId="15">特定福祉用具販売!$1:$1</definedName>
    <definedName name="_xlnm.Print_Titles" localSheetId="4">訪問介護!$1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9" i="36" l="1"/>
  <c r="D59" i="6"/>
  <c r="D43" i="6"/>
  <c r="D9" i="52"/>
  <c r="D105" i="10"/>
  <c r="D14" i="57"/>
  <c r="D19" i="3"/>
  <c r="E27" i="2"/>
  <c r="D27" i="2"/>
</calcChain>
</file>

<file path=xl/sharedStrings.xml><?xml version="1.0" encoding="utf-8"?>
<sst xmlns="http://schemas.openxmlformats.org/spreadsheetml/2006/main" count="4351" uniqueCount="2168">
  <si>
    <t>居宅介護支援事業所　あいの風　呉羽事業所</t>
  </si>
  <si>
    <t>076-452-3880</t>
  </si>
  <si>
    <t>富山市四方1133番地１</t>
  </si>
  <si>
    <t>富山市大栗３０番地１１</t>
    <rPh sb="0" eb="3">
      <t>トヤマシ</t>
    </rPh>
    <rPh sb="3" eb="5">
      <t>オオクリ</t>
    </rPh>
    <rPh sb="7" eb="9">
      <t>バンチ</t>
    </rPh>
    <phoneticPr fontId="5"/>
  </si>
  <si>
    <t>北陸メデイカルサービス株式会社　介護事業部</t>
  </si>
  <si>
    <t>076-466-0851</t>
  </si>
  <si>
    <t>チューリップ訪問看護ステーション</t>
    <rPh sb="6" eb="10">
      <t>ホウモンカンゴ</t>
    </rPh>
    <phoneticPr fontId="5"/>
  </si>
  <si>
    <t>富山市婦中町羽根１０９２－２</t>
    <rPh sb="0" eb="3">
      <t>トヤマシ</t>
    </rPh>
    <rPh sb="3" eb="6">
      <t>フチュウマチ</t>
    </rPh>
    <rPh sb="6" eb="8">
      <t>ハネ</t>
    </rPh>
    <phoneticPr fontId="6"/>
  </si>
  <si>
    <t>076-437-7713</t>
  </si>
  <si>
    <t>ニチイケアセンター堀川</t>
  </si>
  <si>
    <t>みわ苑居宅介護支援事業所</t>
  </si>
  <si>
    <t>076-443-1061</t>
  </si>
  <si>
    <t>076-411-8111</t>
  </si>
  <si>
    <t>特別養護老人ホーム ふるさと敬寿苑</t>
    <rPh sb="0" eb="2">
      <t>トクベツ</t>
    </rPh>
    <rPh sb="2" eb="4">
      <t>ヨウゴ</t>
    </rPh>
    <rPh sb="4" eb="6">
      <t>ロウジン</t>
    </rPh>
    <rPh sb="14" eb="15">
      <t>ウヤマ</t>
    </rPh>
    <rPh sb="15" eb="16">
      <t>コトブキ</t>
    </rPh>
    <rPh sb="16" eb="17">
      <t>エン</t>
    </rPh>
    <phoneticPr fontId="5"/>
  </si>
  <si>
    <t>富山市今泉西部町１－３</t>
  </si>
  <si>
    <t>藤ノ木</t>
  </si>
  <si>
    <t>ながれすぎ光風苑</t>
  </si>
  <si>
    <t>076-461-3922</t>
  </si>
  <si>
    <t>富山市流杉１２３</t>
  </si>
  <si>
    <t>小野医療器株式会社オノケア事業部富山営業所</t>
  </si>
  <si>
    <t>＜基準該当事業所＞</t>
    <rPh sb="1" eb="3">
      <t>キジュン</t>
    </rPh>
    <rPh sb="3" eb="5">
      <t>ガイトウ</t>
    </rPh>
    <rPh sb="5" eb="8">
      <t>ジギョウショ</t>
    </rPh>
    <phoneticPr fontId="5"/>
  </si>
  <si>
    <t>新庄北</t>
    <rPh sb="0" eb="3">
      <t>シンジョウキタ</t>
    </rPh>
    <phoneticPr fontId="5"/>
  </si>
  <si>
    <t>076-437-7722</t>
  </si>
  <si>
    <t>076-466-3882</t>
  </si>
  <si>
    <t>水橋介護保険相談所</t>
  </si>
  <si>
    <t>富山市婦中町蔵島１０５８番地２</t>
    <rPh sb="0" eb="2">
      <t>トヤマ</t>
    </rPh>
    <rPh sb="2" eb="3">
      <t>シ</t>
    </rPh>
    <rPh sb="3" eb="5">
      <t>フチュウ</t>
    </rPh>
    <rPh sb="5" eb="6">
      <t>マチ</t>
    </rPh>
    <rPh sb="6" eb="7">
      <t>クラ</t>
    </rPh>
    <rPh sb="7" eb="8">
      <t>シマ</t>
    </rPh>
    <rPh sb="12" eb="14">
      <t>バンチ</t>
    </rPh>
    <phoneticPr fontId="6"/>
  </si>
  <si>
    <t>076-451-8016</t>
  </si>
  <si>
    <t>富山市堀川町８番地</t>
  </si>
  <si>
    <t>なかまち居宅介護支援センター</t>
  </si>
  <si>
    <t>076-493-0765</t>
  </si>
  <si>
    <t>076-494-1255</t>
  </si>
  <si>
    <t>076-411-9336</t>
  </si>
  <si>
    <t>和合ハイツ居宅介護支援事業所</t>
  </si>
  <si>
    <t>080-7578-9893</t>
  </si>
  <si>
    <t>富山市赤田535番地1</t>
  </si>
  <si>
    <t>076-425-6200</t>
  </si>
  <si>
    <t>076-413-3210</t>
  </si>
  <si>
    <t>076-491-5504</t>
  </si>
  <si>
    <t>076-452-6861</t>
  </si>
  <si>
    <t>090-1314-5619</t>
  </si>
  <si>
    <t>富山市窪新町６番２１号</t>
    <rPh sb="0" eb="3">
      <t>トヤマシ</t>
    </rPh>
    <rPh sb="3" eb="6">
      <t>クボシンマチ</t>
    </rPh>
    <rPh sb="7" eb="8">
      <t>バン</t>
    </rPh>
    <rPh sb="10" eb="11">
      <t>ゴウ</t>
    </rPh>
    <phoneticPr fontId="5"/>
  </si>
  <si>
    <t>富山市上二杉420番地２</t>
  </si>
  <si>
    <t>富山市東町一丁目５番８号　クリスタルビル１０１</t>
    <rPh sb="3" eb="5">
      <t>ヒガシマチ</t>
    </rPh>
    <rPh sb="5" eb="8">
      <t>1チョウメ</t>
    </rPh>
    <rPh sb="9" eb="10">
      <t>バン</t>
    </rPh>
    <rPh sb="11" eb="12">
      <t>ゴウ</t>
    </rPh>
    <phoneticPr fontId="5"/>
  </si>
  <si>
    <t>大沢野</t>
    <rPh sb="0" eb="3">
      <t>オオサワノ</t>
    </rPh>
    <phoneticPr fontId="6"/>
  </si>
  <si>
    <t>076-422-7334</t>
  </si>
  <si>
    <t>富山市八尾町黒田2702-1</t>
    <rPh sb="0" eb="3">
      <t>トヤマシ</t>
    </rPh>
    <rPh sb="3" eb="6">
      <t>ヤツオマチ</t>
    </rPh>
    <rPh sb="6" eb="8">
      <t>クロダ</t>
    </rPh>
    <phoneticPr fontId="5"/>
  </si>
  <si>
    <t>光陽</t>
    <rPh sb="0" eb="1">
      <t>ヒカリ</t>
    </rPh>
    <rPh sb="1" eb="2">
      <t>ヨウ</t>
    </rPh>
    <phoneticPr fontId="5"/>
  </si>
  <si>
    <t>ニチイケアセンター婦中</t>
  </si>
  <si>
    <t>076-467-5151</t>
  </si>
  <si>
    <t>076-471-6111</t>
  </si>
  <si>
    <t>076-413-7243</t>
  </si>
  <si>
    <t>介護相談センターあやめ</t>
    <rPh sb="0" eb="2">
      <t>カイゴ</t>
    </rPh>
    <rPh sb="2" eb="4">
      <t>ソウダン</t>
    </rPh>
    <phoneticPr fontId="5"/>
  </si>
  <si>
    <t>富山西デイサービス</t>
  </si>
  <si>
    <t>富山市小西１７６</t>
  </si>
  <si>
    <t>富山市丸の内三丁目３番25号</t>
    <rPh sb="6" eb="7">
      <t>サン</t>
    </rPh>
    <phoneticPr fontId="5"/>
  </si>
  <si>
    <t>呉羽</t>
    <rPh sb="0" eb="2">
      <t>クレハ</t>
    </rPh>
    <phoneticPr fontId="5"/>
  </si>
  <si>
    <t>076-466-9000</t>
  </si>
  <si>
    <t>介護老人保健施設　シルバーケア城南</t>
  </si>
  <si>
    <t>ファミーユ</t>
  </si>
  <si>
    <t>076-429-6642</t>
  </si>
  <si>
    <t>富山市上赤江町１丁目１２番２号</t>
  </si>
  <si>
    <t>すみれ苑ヘルパーセンター</t>
  </si>
  <si>
    <t>富山市黒崎２９１番地</t>
    <rPh sb="0" eb="3">
      <t>トヤマシ</t>
    </rPh>
    <rPh sb="3" eb="5">
      <t>クロサキ</t>
    </rPh>
    <rPh sb="8" eb="10">
      <t>バンチ</t>
    </rPh>
    <phoneticPr fontId="5"/>
  </si>
  <si>
    <t>にながわ光風苑</t>
    <rPh sb="4" eb="5">
      <t>ヒカリ</t>
    </rPh>
    <rPh sb="5" eb="6">
      <t>カゼ</t>
    </rPh>
    <rPh sb="6" eb="7">
      <t>エン</t>
    </rPh>
    <phoneticPr fontId="5"/>
  </si>
  <si>
    <t>青鳥寺デイサービスセンター</t>
  </si>
  <si>
    <t>076-435-6333</t>
  </si>
  <si>
    <t>076-466-0704</t>
  </si>
  <si>
    <t>076-482-4827</t>
  </si>
  <si>
    <t>ヘルパーセンターフィール</t>
  </si>
  <si>
    <t>デイサービス花みずき</t>
    <rPh sb="6" eb="7">
      <t>ハナ</t>
    </rPh>
    <phoneticPr fontId="6"/>
  </si>
  <si>
    <t>富山市野々上３４０</t>
  </si>
  <si>
    <t>076-435-6888</t>
  </si>
  <si>
    <t>訪問看護ステーション希望のひかり</t>
  </si>
  <si>
    <t>076-471-7850</t>
  </si>
  <si>
    <t>076-421-5222</t>
  </si>
  <si>
    <t>北陸メディカルサービス（株）八尾営業所</t>
    <rPh sb="0" eb="2">
      <t>ホクリク</t>
    </rPh>
    <rPh sb="11" eb="14">
      <t>カブ</t>
    </rPh>
    <rPh sb="14" eb="16">
      <t>ヤツオ</t>
    </rPh>
    <rPh sb="16" eb="19">
      <t>エイギョウショ</t>
    </rPh>
    <phoneticPr fontId="5"/>
  </si>
  <si>
    <t>076-435-6511</t>
  </si>
  <si>
    <t>076-468-3912</t>
  </si>
  <si>
    <t>076-455-3805</t>
  </si>
  <si>
    <t>076-420-5301</t>
  </si>
  <si>
    <t>富山市吉作４２６１－５</t>
    <rPh sb="0" eb="3">
      <t>トヤマシ</t>
    </rPh>
    <rPh sb="3" eb="5">
      <t>ヨシヅクリ</t>
    </rPh>
    <phoneticPr fontId="5"/>
  </si>
  <si>
    <t>076-461-4545</t>
  </si>
  <si>
    <t>富山市奥井町１番７号</t>
    <rPh sb="0" eb="6">
      <t>トヤマシオクイマチ</t>
    </rPh>
    <rPh sb="7" eb="8">
      <t>バン</t>
    </rPh>
    <rPh sb="9" eb="10">
      <t>ゴウ</t>
    </rPh>
    <phoneticPr fontId="5"/>
  </si>
  <si>
    <t>076-461-4547</t>
  </si>
  <si>
    <t>富山市丸の内二丁目３番８号</t>
  </si>
  <si>
    <t>ショートステイこのゆびとーまれ茶屋</t>
    <rPh sb="15" eb="17">
      <t>チャヤ</t>
    </rPh>
    <phoneticPr fontId="5"/>
  </si>
  <si>
    <t>076-423-8911</t>
  </si>
  <si>
    <t>076-482-6672</t>
  </si>
  <si>
    <t>株式会社メディぺック富山営業所</t>
    <rPh sb="0" eb="2">
      <t>カブシキ</t>
    </rPh>
    <rPh sb="2" eb="4">
      <t>ガイシャ</t>
    </rPh>
    <rPh sb="10" eb="12">
      <t>トヤマ</t>
    </rPh>
    <rPh sb="12" eb="15">
      <t>エイギョウショ</t>
    </rPh>
    <phoneticPr fontId="5"/>
  </si>
  <si>
    <t>富山市永楽町41番22号</t>
  </si>
  <si>
    <t>富山市中市一丁目２７番２２号</t>
    <rPh sb="0" eb="3">
      <t>トヤマシ</t>
    </rPh>
    <rPh sb="3" eb="4">
      <t>ナカ</t>
    </rPh>
    <rPh sb="4" eb="5">
      <t>イチ</t>
    </rPh>
    <rPh sb="5" eb="8">
      <t>１チョウメ</t>
    </rPh>
    <rPh sb="10" eb="11">
      <t>バン</t>
    </rPh>
    <rPh sb="13" eb="14">
      <t>ゴウ</t>
    </rPh>
    <phoneticPr fontId="5"/>
  </si>
  <si>
    <t>076-405-9188</t>
  </si>
  <si>
    <t>076-431-7741</t>
  </si>
  <si>
    <t>076-451-0787</t>
  </si>
  <si>
    <t>076-478-3690</t>
  </si>
  <si>
    <t>076-420-0121</t>
  </si>
  <si>
    <t>076-420-3442</t>
  </si>
  <si>
    <t>老人保健施設シルバーケア栗山</t>
  </si>
  <si>
    <t>076-492-4130</t>
  </si>
  <si>
    <t>076-471-8587</t>
  </si>
  <si>
    <t>076-411-4120</t>
  </si>
  <si>
    <t>076-491-0066</t>
  </si>
  <si>
    <t>富山市辰巳町２丁目４番１２号</t>
    <rPh sb="3" eb="5">
      <t>タツミ</t>
    </rPh>
    <rPh sb="5" eb="6">
      <t>マチ</t>
    </rPh>
    <rPh sb="7" eb="9">
      <t>チョウメ</t>
    </rPh>
    <rPh sb="10" eb="11">
      <t>バン</t>
    </rPh>
    <rPh sb="13" eb="14">
      <t>ゴウ</t>
    </rPh>
    <phoneticPr fontId="6"/>
  </si>
  <si>
    <t>老人保健施設チューリップ苑</t>
  </si>
  <si>
    <t>はなさき苑 ホームヘルプセンター</t>
    <rPh sb="4" eb="5">
      <t>エン</t>
    </rPh>
    <phoneticPr fontId="5"/>
  </si>
  <si>
    <t>特別養護老人ホーム  梨雲苑</t>
  </si>
  <si>
    <t>新保</t>
    <rPh sb="0" eb="1">
      <t>シンボ</t>
    </rPh>
    <phoneticPr fontId="5"/>
  </si>
  <si>
    <t>特別養護老人ホーム 晴風荘</t>
  </si>
  <si>
    <t>076-422-3413</t>
  </si>
  <si>
    <t>076-466-3773</t>
  </si>
  <si>
    <t>富山市双代町２番１号</t>
    <rPh sb="0" eb="3">
      <t>トヤマシ</t>
    </rPh>
    <rPh sb="3" eb="4">
      <t>ソウ</t>
    </rPh>
    <rPh sb="4" eb="5">
      <t>ダイ</t>
    </rPh>
    <rPh sb="5" eb="6">
      <t>マチ</t>
    </rPh>
    <rPh sb="7" eb="8">
      <t>バン</t>
    </rPh>
    <rPh sb="9" eb="10">
      <t>ゴウ</t>
    </rPh>
    <phoneticPr fontId="5"/>
  </si>
  <si>
    <t>特別養護老人ホーム すみれ苑</t>
  </si>
  <si>
    <t>076-429-8855</t>
  </si>
  <si>
    <t>076-439-3002</t>
  </si>
  <si>
    <t>特別養護老人ホーム 椿寿荘</t>
    <rPh sb="0" eb="2">
      <t>トクベツ</t>
    </rPh>
    <rPh sb="2" eb="6">
      <t>ヨウゴロウジン</t>
    </rPh>
    <rPh sb="10" eb="11">
      <t>ツバキ</t>
    </rPh>
    <rPh sb="11" eb="12">
      <t>コトブキ</t>
    </rPh>
    <rPh sb="12" eb="13">
      <t>ソウ</t>
    </rPh>
    <phoneticPr fontId="5"/>
  </si>
  <si>
    <t>076-407-5370</t>
  </si>
  <si>
    <t>呉羽</t>
    <rPh sb="0" eb="2">
      <t>クレハ</t>
    </rPh>
    <phoneticPr fontId="6"/>
  </si>
  <si>
    <t>梨雲苑ゆうゆうデイサービスセンター</t>
  </si>
  <si>
    <t>○</t>
  </si>
  <si>
    <t>076-469-0668</t>
  </si>
  <si>
    <t>ニチイケアセンター富山</t>
  </si>
  <si>
    <t>076-420-6300</t>
  </si>
  <si>
    <t>富山医療生活協同組合　在宅福祉綜合センターきずな</t>
  </si>
  <si>
    <t>076-481-6271</t>
  </si>
  <si>
    <t>076-461-6116</t>
  </si>
  <si>
    <t>076-437-7522</t>
  </si>
  <si>
    <t>076-466-9001</t>
  </si>
  <si>
    <t>076-413-5575</t>
  </si>
  <si>
    <t>076-491-0039</t>
  </si>
  <si>
    <t>076-422-3412</t>
  </si>
  <si>
    <t>富山市山室２５０番７</t>
    <rPh sb="0" eb="3">
      <t>トヤマシ</t>
    </rPh>
    <rPh sb="3" eb="5">
      <t>ヤマムロ</t>
    </rPh>
    <rPh sb="8" eb="9">
      <t>バン</t>
    </rPh>
    <phoneticPr fontId="5"/>
  </si>
  <si>
    <t>広田居宅介護支援事業所</t>
  </si>
  <si>
    <t>1670105160</t>
  </si>
  <si>
    <t>富山市町村69番地5</t>
  </si>
  <si>
    <t>076-469-1004</t>
  </si>
  <si>
    <t>富山市黒崎620番地１</t>
    <rPh sb="9" eb="10">
      <t>チ</t>
    </rPh>
    <phoneticPr fontId="5"/>
  </si>
  <si>
    <t>富山市横越180番地</t>
  </si>
  <si>
    <t>富山市水橋畠等２９７番地</t>
    <rPh sb="0" eb="3">
      <t>トヤマシ</t>
    </rPh>
    <rPh sb="3" eb="5">
      <t>ミズハシ</t>
    </rPh>
    <rPh sb="5" eb="7">
      <t>ハタケラ</t>
    </rPh>
    <rPh sb="10" eb="12">
      <t>バンチ</t>
    </rPh>
    <phoneticPr fontId="5"/>
  </si>
  <si>
    <t>富山市小西１７０番地</t>
  </si>
  <si>
    <t>特別養護老人ホーム はなさき苑</t>
    <rPh sb="0" eb="2">
      <t>トクベツ</t>
    </rPh>
    <rPh sb="2" eb="4">
      <t>ヨウゴ</t>
    </rPh>
    <rPh sb="4" eb="6">
      <t>ロウジン</t>
    </rPh>
    <rPh sb="14" eb="15">
      <t>エン</t>
    </rPh>
    <phoneticPr fontId="5"/>
  </si>
  <si>
    <t>076-436-7848</t>
  </si>
  <si>
    <t>076-429-7474</t>
  </si>
  <si>
    <t>山室中部</t>
    <rPh sb="0" eb="2">
      <t>ヤマムロ</t>
    </rPh>
    <rPh sb="2" eb="4">
      <t>チュウブ</t>
    </rPh>
    <phoneticPr fontId="6"/>
  </si>
  <si>
    <t>076-468-0202</t>
  </si>
  <si>
    <t>白光苑デイサービスセンター</t>
  </si>
  <si>
    <t>特別養護老人　敬寿苑</t>
  </si>
  <si>
    <t>076-492-3014</t>
  </si>
  <si>
    <t>富山市柳町一丁目２番18号</t>
  </si>
  <si>
    <t>076-478-5999</t>
  </si>
  <si>
    <t>076-461-3911</t>
  </si>
  <si>
    <t>富山市大江干３４番地１</t>
    <rPh sb="0" eb="3">
      <t>トヤマシ</t>
    </rPh>
    <rPh sb="3" eb="6">
      <t>オオエボシ</t>
    </rPh>
    <rPh sb="8" eb="10">
      <t>バンチ</t>
    </rPh>
    <phoneticPr fontId="6"/>
  </si>
  <si>
    <t>1670105152</t>
  </si>
  <si>
    <t>居宅介護支援センターフィール</t>
  </si>
  <si>
    <t>特別養護老人ホーム　あすなろの郷</t>
    <rPh sb="0" eb="2">
      <t>トクベツ</t>
    </rPh>
    <rPh sb="2" eb="4">
      <t>ヨウゴ</t>
    </rPh>
    <rPh sb="4" eb="6">
      <t>ロウジン</t>
    </rPh>
    <rPh sb="15" eb="16">
      <t>サト</t>
    </rPh>
    <phoneticPr fontId="5"/>
  </si>
  <si>
    <t>富山市西田地方町二丁目10番地11</t>
    <rPh sb="13" eb="15">
      <t>バンチ</t>
    </rPh>
    <phoneticPr fontId="5"/>
  </si>
  <si>
    <t>076-443-3856</t>
  </si>
  <si>
    <t>にぎやか</t>
  </si>
  <si>
    <t>076-469-1002</t>
  </si>
  <si>
    <t>ヘルパーステーション花みずき</t>
    <rPh sb="10" eb="11">
      <t>ハナ</t>
    </rPh>
    <phoneticPr fontId="5"/>
  </si>
  <si>
    <t>富山市婦中町新町２１３１</t>
    <rPh sb="0" eb="3">
      <t>トヤマシ</t>
    </rPh>
    <rPh sb="3" eb="6">
      <t>フチュウマチ</t>
    </rPh>
    <rPh sb="6" eb="8">
      <t>シンマチ</t>
    </rPh>
    <phoneticPr fontId="5"/>
  </si>
  <si>
    <t>076-478-4784</t>
  </si>
  <si>
    <t>9392615</t>
  </si>
  <si>
    <t>しみずまち敬寿苑ホームヘルパーステーション</t>
    <rPh sb="5" eb="8">
      <t>ケイジュエン</t>
    </rPh>
    <phoneticPr fontId="5"/>
  </si>
  <si>
    <t>サンウェルズ才覚寺ヘルパーステーション</t>
  </si>
  <si>
    <t>076-435-3265</t>
  </si>
  <si>
    <t>076-437-4666</t>
  </si>
  <si>
    <t>076-425-6255</t>
  </si>
  <si>
    <t>富山市水橋畠等297</t>
  </si>
  <si>
    <t>076-492-6666</t>
  </si>
  <si>
    <t>076-436-6541</t>
  </si>
  <si>
    <t>076-467-0753</t>
  </si>
  <si>
    <t>大沢野クリニック居宅介護支援センター</t>
  </si>
  <si>
    <t>ニチイケアセンター大沢野</t>
  </si>
  <si>
    <t>デイサービスセンターふる里の風中田</t>
  </si>
  <si>
    <t>訪問介護事業所ライフパートナー</t>
    <rPh sb="0" eb="2">
      <t>ホウモン</t>
    </rPh>
    <rPh sb="2" eb="4">
      <t>カイゴ</t>
    </rPh>
    <rPh sb="4" eb="6">
      <t>ジギョウ</t>
    </rPh>
    <rPh sb="6" eb="7">
      <t>ショ</t>
    </rPh>
    <phoneticPr fontId="5"/>
  </si>
  <si>
    <t>富山市田刈屋５２番地</t>
  </si>
  <si>
    <t>しみずまち敬寿苑指定居宅介護支援事業所</t>
  </si>
  <si>
    <t>076-466-3526</t>
  </si>
  <si>
    <t>076-461-7450</t>
  </si>
  <si>
    <t>076-422-8620</t>
  </si>
  <si>
    <t>076-411-6886</t>
  </si>
  <si>
    <r>
      <t>076-431-</t>
    </r>
    <r>
      <rPr>
        <sz val="11"/>
        <rFont val="ＭＳ Ｐゴシック"/>
        <family val="3"/>
        <charset val="128"/>
      </rPr>
      <t>1232</t>
    </r>
  </si>
  <si>
    <t>指定日</t>
  </si>
  <si>
    <t>サカヰ産業株式会社富山総合ガスセンター</t>
  </si>
  <si>
    <t>事業所住所</t>
  </si>
  <si>
    <t>富山市町袋128番地１</t>
  </si>
  <si>
    <t>浜黒崎</t>
    <rPh sb="0" eb="1">
      <t>ハマ</t>
    </rPh>
    <rPh sb="1" eb="3">
      <t>クロサキ</t>
    </rPh>
    <phoneticPr fontId="5"/>
  </si>
  <si>
    <t>076-464-3139</t>
  </si>
  <si>
    <t>居宅介護支援事業所越中</t>
    <rPh sb="0" eb="11">
      <t>キョタクカイゴシエンジギョウショエッチュウ</t>
    </rPh>
    <phoneticPr fontId="5"/>
  </si>
  <si>
    <t>076-461-6572</t>
  </si>
  <si>
    <t>富山市二口町一丁目9番3号</t>
  </si>
  <si>
    <t>富山市高内２区387-4　サントピア41　1F</t>
  </si>
  <si>
    <t>デイサービスふぁみりー南町</t>
  </si>
  <si>
    <t>特別養護老人ホーム　ふなん苑</t>
    <rPh sb="0" eb="2">
      <t>トクベツ</t>
    </rPh>
    <rPh sb="2" eb="4">
      <t>ヨウゴ</t>
    </rPh>
    <rPh sb="4" eb="6">
      <t>ロウジン</t>
    </rPh>
    <rPh sb="13" eb="14">
      <t>エン</t>
    </rPh>
    <phoneticPr fontId="5"/>
  </si>
  <si>
    <t>076-468-0001</t>
  </si>
  <si>
    <t>076-433-8881</t>
  </si>
  <si>
    <t>076-491-5002</t>
  </si>
  <si>
    <t>076-468-2001</t>
  </si>
  <si>
    <t>076-425-6207</t>
  </si>
  <si>
    <t>富山市つばめ野1-53</t>
  </si>
  <si>
    <t>076-433-8891</t>
  </si>
  <si>
    <t>076-466-0876</t>
  </si>
  <si>
    <t>桜谷</t>
    <rPh sb="0" eb="2">
      <t>サクラダニ</t>
    </rPh>
    <phoneticPr fontId="5"/>
  </si>
  <si>
    <t>076-491-5800</t>
  </si>
  <si>
    <t>富山市新庄町三丁目7-32　ローズガーデン103号</t>
  </si>
  <si>
    <t>北酸株式会社居宅介護支援事業所</t>
    <rPh sb="1" eb="2">
      <t>サン</t>
    </rPh>
    <rPh sb="2" eb="6">
      <t>カブシキガイシャ</t>
    </rPh>
    <rPh sb="6" eb="8">
      <t>キョタク</t>
    </rPh>
    <rPh sb="8" eb="10">
      <t>カイゴ</t>
    </rPh>
    <rPh sb="10" eb="12">
      <t>シエン</t>
    </rPh>
    <rPh sb="12" eb="15">
      <t>ジギョウショ</t>
    </rPh>
    <phoneticPr fontId="5"/>
  </si>
  <si>
    <t>富山市上赤江町二丁目８番４４－１</t>
    <rPh sb="0" eb="3">
      <t>トヤマシ</t>
    </rPh>
    <rPh sb="3" eb="7">
      <t>カミアカエマチ</t>
    </rPh>
    <rPh sb="7" eb="10">
      <t>２チョウメ</t>
    </rPh>
    <rPh sb="11" eb="12">
      <t>バン</t>
    </rPh>
    <phoneticPr fontId="5"/>
  </si>
  <si>
    <t>076-420-6363</t>
  </si>
  <si>
    <t>076-427-0780</t>
  </si>
  <si>
    <t>特別養護老人ホーム　アルペンハイツ</t>
  </si>
  <si>
    <t>富山市上野799-2</t>
  </si>
  <si>
    <t>076-439-3653</t>
  </si>
  <si>
    <t>富山市上千俵町９８－１</t>
    <rPh sb="6" eb="7">
      <t>マチ</t>
    </rPh>
    <phoneticPr fontId="6"/>
  </si>
  <si>
    <t>076-461-5694</t>
  </si>
  <si>
    <t>ニチイケアセンター富山東</t>
    <rPh sb="9" eb="11">
      <t>トヤマ</t>
    </rPh>
    <rPh sb="11" eb="12">
      <t>ヒガシ</t>
    </rPh>
    <phoneticPr fontId="5"/>
  </si>
  <si>
    <t>076-479-9174</t>
  </si>
  <si>
    <t>特別養護老人ホーム ささづ苑</t>
    <rPh sb="0" eb="2">
      <t>トクベツ</t>
    </rPh>
    <rPh sb="2" eb="4">
      <t>ヨウゴ</t>
    </rPh>
    <rPh sb="4" eb="6">
      <t>ロウジン</t>
    </rPh>
    <rPh sb="13" eb="14">
      <t>エン</t>
    </rPh>
    <phoneticPr fontId="5"/>
  </si>
  <si>
    <t>アルク株式会社　富山支店</t>
  </si>
  <si>
    <t>介護老人保健施設シルバーケア羽根苑</t>
  </si>
  <si>
    <t>草島</t>
    <rPh sb="0" eb="2">
      <t>クサジマ</t>
    </rPh>
    <phoneticPr fontId="5"/>
  </si>
  <si>
    <t>介護老人保健施設富山リハビリテーションホーム</t>
  </si>
  <si>
    <t>堀川</t>
  </si>
  <si>
    <t>076-425-8818</t>
  </si>
  <si>
    <t>星井町</t>
  </si>
  <si>
    <t>076-423-8912</t>
  </si>
  <si>
    <t>新庄ヒルズヘルパーステーション</t>
  </si>
  <si>
    <t>076-468-2006</t>
  </si>
  <si>
    <t>月岡</t>
    <rPh sb="0" eb="2">
      <t>ツキオカ</t>
    </rPh>
    <phoneticPr fontId="5"/>
  </si>
  <si>
    <t>076-493-4255</t>
  </si>
  <si>
    <t>富山市北代１８９</t>
    <rPh sb="0" eb="3">
      <t>トヤマシ</t>
    </rPh>
    <rPh sb="3" eb="4">
      <t>キタ</t>
    </rPh>
    <rPh sb="4" eb="5">
      <t>ダイ</t>
    </rPh>
    <phoneticPr fontId="6"/>
  </si>
  <si>
    <t>富山市つばめ野一丁目53番地</t>
    <rPh sb="7" eb="10">
      <t>イッチョウメ</t>
    </rPh>
    <rPh sb="12" eb="14">
      <t>バンチ</t>
    </rPh>
    <phoneticPr fontId="6"/>
  </si>
  <si>
    <t>076-491-0555</t>
  </si>
  <si>
    <t>富山市千石町五丁目３番７号</t>
  </si>
  <si>
    <t>介護老人保健施設　レインボー</t>
    <rPh sb="0" eb="2">
      <t>カイゴ</t>
    </rPh>
    <phoneticPr fontId="6"/>
  </si>
  <si>
    <t>あすなろの郷居宅介護支援事業所</t>
  </si>
  <si>
    <t>076-455-1881</t>
  </si>
  <si>
    <t>清水町</t>
    <rPh sb="0" eb="3">
      <t>シミズマチ</t>
    </rPh>
    <phoneticPr fontId="6"/>
  </si>
  <si>
    <t>076-491-5370</t>
  </si>
  <si>
    <t>ツクイ富山藤ノ木</t>
    <rPh sb="3" eb="5">
      <t>トヤマ</t>
    </rPh>
    <phoneticPr fontId="6"/>
  </si>
  <si>
    <t>株式会社エマーブル</t>
    <rPh sb="0" eb="4">
      <t>カブシキガイシャ</t>
    </rPh>
    <phoneticPr fontId="5"/>
  </si>
  <si>
    <t>9398006</t>
  </si>
  <si>
    <t>076-451-8061</t>
  </si>
  <si>
    <t>076-407-0120</t>
  </si>
  <si>
    <t>富山市新庄銀座三丁目５番５５号</t>
    <rPh sb="0" eb="3">
      <t>トヤマシ</t>
    </rPh>
    <rPh sb="3" eb="7">
      <t>シンジョウギンザ</t>
    </rPh>
    <rPh sb="7" eb="10">
      <t>3チョウメ</t>
    </rPh>
    <rPh sb="11" eb="12">
      <t>バン</t>
    </rPh>
    <rPh sb="14" eb="15">
      <t>ゴウ</t>
    </rPh>
    <phoneticPr fontId="5"/>
  </si>
  <si>
    <t>076-422-7410</t>
  </si>
  <si>
    <t>広田</t>
  </si>
  <si>
    <t>076-451-5251</t>
  </si>
  <si>
    <t>076-425-4587</t>
  </si>
  <si>
    <t>富山市布目１９６６番地１</t>
  </si>
  <si>
    <t>ホームヘルプサービスしおんの家</t>
  </si>
  <si>
    <t>076-454-3106</t>
  </si>
  <si>
    <t>富山市萩原１７９－１</t>
    <rPh sb="0" eb="3">
      <t>トヤマシ</t>
    </rPh>
    <rPh sb="3" eb="5">
      <t>ハギワラ</t>
    </rPh>
    <phoneticPr fontId="6"/>
  </si>
  <si>
    <r>
      <t>076-</t>
    </r>
    <r>
      <rPr>
        <sz val="11"/>
        <rFont val="ＭＳ Ｐゴシック"/>
        <family val="3"/>
        <charset val="128"/>
      </rPr>
      <t>493-3900</t>
    </r>
  </si>
  <si>
    <t>富山市水橋辻ヶ堂８０１－１</t>
  </si>
  <si>
    <t>富山市上大久保893-1</t>
  </si>
  <si>
    <t>076-435-3336</t>
  </si>
  <si>
    <t>一休庵ショートステイ</t>
  </si>
  <si>
    <t>富山市婦中町上吉川132番地１</t>
    <rPh sb="0" eb="3">
      <t>トヤマシ</t>
    </rPh>
    <rPh sb="3" eb="5">
      <t>フチュウ</t>
    </rPh>
    <rPh sb="5" eb="6">
      <t>マチ</t>
    </rPh>
    <rPh sb="6" eb="7">
      <t>カミ</t>
    </rPh>
    <rPh sb="7" eb="9">
      <t>ヨシカワ</t>
    </rPh>
    <rPh sb="12" eb="14">
      <t>バンチ</t>
    </rPh>
    <phoneticPr fontId="5"/>
  </si>
  <si>
    <t>新庄ヒルズデイサービスセンター</t>
  </si>
  <si>
    <t>富山市流杉７７番地</t>
  </si>
  <si>
    <t>076-436-2165</t>
  </si>
  <si>
    <t>富山市秋ヶ島１４６番地１</t>
    <rPh sb="0" eb="3">
      <t>トヤマシ</t>
    </rPh>
    <rPh sb="3" eb="4">
      <t>アキ</t>
    </rPh>
    <rPh sb="5" eb="6">
      <t>トウ</t>
    </rPh>
    <rPh sb="9" eb="11">
      <t>バンチ</t>
    </rPh>
    <phoneticPr fontId="5"/>
  </si>
  <si>
    <t>おれんじ訪問看護ステーション</t>
  </si>
  <si>
    <t>富山市月岡町２丁目１８９番地</t>
  </si>
  <si>
    <t>光陽</t>
    <rPh sb="0" eb="1">
      <t>コウ</t>
    </rPh>
    <rPh sb="1" eb="2">
      <t>ヨウ</t>
    </rPh>
    <phoneticPr fontId="5"/>
  </si>
  <si>
    <t>076-444-5357</t>
  </si>
  <si>
    <t>八尾</t>
    <rPh sb="0" eb="2">
      <t>ヤツオ</t>
    </rPh>
    <phoneticPr fontId="5"/>
  </si>
  <si>
    <t>076-451-3916</t>
  </si>
  <si>
    <t>076-422-2211</t>
  </si>
  <si>
    <t>076-435-4850</t>
  </si>
  <si>
    <t>076-481-6076</t>
  </si>
  <si>
    <t>076-478-5740</t>
  </si>
  <si>
    <t>富山市黒崎122番地１</t>
    <rPh sb="9" eb="10">
      <t>チ</t>
    </rPh>
    <phoneticPr fontId="5"/>
  </si>
  <si>
    <t>リビングふじ</t>
  </si>
  <si>
    <t>富山市萩原４１６番地１</t>
  </si>
  <si>
    <t>デイサービス金泉寺</t>
  </si>
  <si>
    <t>076-469-0666</t>
  </si>
  <si>
    <t>合同会社福祉用具レンタル</t>
    <rPh sb="0" eb="8">
      <t>ゴウドウガイシャフクシヨウグ</t>
    </rPh>
    <phoneticPr fontId="5"/>
  </si>
  <si>
    <t>老田</t>
    <rPh sb="0" eb="2">
      <t>オイダ</t>
    </rPh>
    <phoneticPr fontId="5"/>
  </si>
  <si>
    <t>076-452-3881</t>
  </si>
  <si>
    <t>076-471-7851</t>
  </si>
  <si>
    <t>富山市二口町一丁目１４番１１</t>
    <rPh sb="0" eb="3">
      <t>トヤマシ</t>
    </rPh>
    <rPh sb="3" eb="6">
      <t>フタクチマチ</t>
    </rPh>
    <rPh sb="6" eb="7">
      <t>イチ</t>
    </rPh>
    <rPh sb="7" eb="9">
      <t>チョウメ</t>
    </rPh>
    <rPh sb="11" eb="12">
      <t>バン</t>
    </rPh>
    <phoneticPr fontId="5"/>
  </si>
  <si>
    <t>9300802</t>
  </si>
  <si>
    <t>しみずまち敬寿苑</t>
    <rPh sb="5" eb="6">
      <t>ケイ</t>
    </rPh>
    <rPh sb="6" eb="7">
      <t>ジュ</t>
    </rPh>
    <rPh sb="7" eb="8">
      <t>エン</t>
    </rPh>
    <phoneticPr fontId="5"/>
  </si>
  <si>
    <t>くまの光風苑</t>
  </si>
  <si>
    <t>事業所番号</t>
  </si>
  <si>
    <t>富タク介護</t>
    <rPh sb="0" eb="1">
      <t>トミ</t>
    </rPh>
    <rPh sb="3" eb="5">
      <t>カイゴ</t>
    </rPh>
    <phoneticPr fontId="5"/>
  </si>
  <si>
    <t>076-405-9311</t>
  </si>
  <si>
    <t>正栄ウェルフェア居宅介護支援事業所</t>
  </si>
  <si>
    <t>076-492-6613</t>
  </si>
  <si>
    <t>076-428-5590</t>
  </si>
  <si>
    <t>しらいわ苑ホームヘルパーセンター</t>
  </si>
  <si>
    <t>076-423-0038</t>
  </si>
  <si>
    <t>076-479-2080</t>
  </si>
  <si>
    <t>ナースステーション　マーガレット</t>
  </si>
  <si>
    <t>富山市大島二丁目６０８番地　ハウスプラスビル</t>
  </si>
  <si>
    <t>富山市下タ林２３７番地</t>
  </si>
  <si>
    <t>076-479-2512</t>
  </si>
  <si>
    <t>076-421-6300</t>
  </si>
  <si>
    <t>富山市追分茶屋472番地1</t>
  </si>
  <si>
    <t>株式会社トーカイ富山営業所</t>
    <rPh sb="0" eb="4">
      <t>カブシキガイシャ</t>
    </rPh>
    <rPh sb="8" eb="10">
      <t>トヤマ</t>
    </rPh>
    <rPh sb="10" eb="13">
      <t>エイギョウショ</t>
    </rPh>
    <phoneticPr fontId="5"/>
  </si>
  <si>
    <t>椿寿荘ヘルパーステーション</t>
    <rPh sb="0" eb="1">
      <t>ツバキ</t>
    </rPh>
    <rPh sb="1" eb="2">
      <t>コトブキ</t>
    </rPh>
    <rPh sb="2" eb="3">
      <t>ソウ</t>
    </rPh>
    <phoneticPr fontId="5"/>
  </si>
  <si>
    <t>富山市花崎80番地</t>
  </si>
  <si>
    <t>076-467-1497</t>
  </si>
  <si>
    <t>介護老人保健施設　みどり苑</t>
    <rPh sb="0" eb="2">
      <t>カイゴ</t>
    </rPh>
    <rPh sb="2" eb="4">
      <t>ロウジン</t>
    </rPh>
    <rPh sb="4" eb="6">
      <t>ホケン</t>
    </rPh>
    <rPh sb="6" eb="8">
      <t>シセツ</t>
    </rPh>
    <rPh sb="12" eb="13">
      <t>エン</t>
    </rPh>
    <phoneticPr fontId="6"/>
  </si>
  <si>
    <t>富山市鵯島字川原1907番地の１</t>
  </si>
  <si>
    <t>076-432-0712</t>
  </si>
  <si>
    <t>富山市西長江二丁目1-2</t>
  </si>
  <si>
    <t>古沢</t>
    <rPh sb="0" eb="2">
      <t>フルサワ</t>
    </rPh>
    <phoneticPr fontId="5"/>
  </si>
  <si>
    <t>076-455-2609</t>
  </si>
  <si>
    <t>076-436-1521</t>
  </si>
  <si>
    <t>三寿苑介護サービスセンター</t>
  </si>
  <si>
    <t>076-422-2666</t>
  </si>
  <si>
    <t>076-492-3081</t>
  </si>
  <si>
    <t>富山市堀川町475</t>
  </si>
  <si>
    <t>076-466-5227</t>
  </si>
  <si>
    <t>076-455-8010</t>
  </si>
  <si>
    <t>富山市上冨居二丁目９番６７号</t>
    <rPh sb="0" eb="3">
      <t>トヤマシ</t>
    </rPh>
    <rPh sb="3" eb="6">
      <t>カミフゴ</t>
    </rPh>
    <rPh sb="6" eb="9">
      <t>ニチョウメ</t>
    </rPh>
    <rPh sb="10" eb="11">
      <t>バン</t>
    </rPh>
    <rPh sb="13" eb="14">
      <t>ゴウ</t>
    </rPh>
    <phoneticPr fontId="5"/>
  </si>
  <si>
    <t>076-420-3440</t>
  </si>
  <si>
    <t>三寿苑デイサービスセンター</t>
  </si>
  <si>
    <t>富山市稲荷元町２丁目８番９号アクトピアトヤマ１階</t>
    <rPh sb="3" eb="5">
      <t>イナリ</t>
    </rPh>
    <rPh sb="5" eb="6">
      <t>モト</t>
    </rPh>
    <rPh sb="8" eb="10">
      <t>チョウメ</t>
    </rPh>
    <rPh sb="11" eb="12">
      <t>バン</t>
    </rPh>
    <rPh sb="13" eb="14">
      <t>ゴウ</t>
    </rPh>
    <rPh sb="23" eb="24">
      <t>カイ</t>
    </rPh>
    <phoneticPr fontId="5"/>
  </si>
  <si>
    <t>さいさい居宅介護支援事業所</t>
  </si>
  <si>
    <t>076-429-7751</t>
  </si>
  <si>
    <t>富山市金屋2332番地</t>
  </si>
  <si>
    <t>山室</t>
    <rPh sb="0" eb="2">
      <t>ヤマムロ</t>
    </rPh>
    <phoneticPr fontId="6"/>
  </si>
  <si>
    <t>076-405-1512</t>
  </si>
  <si>
    <t>おおやま居宅介護支援センター</t>
  </si>
  <si>
    <t>居宅介護支援事業所えにし</t>
  </si>
  <si>
    <t>076-492-4114</t>
  </si>
  <si>
    <t>076-407-0121</t>
  </si>
  <si>
    <t>特別養護老人ホーム 椿寿荘</t>
    <rPh sb="0" eb="2">
      <t>トクベツ</t>
    </rPh>
    <rPh sb="2" eb="4">
      <t>ヨウゴ</t>
    </rPh>
    <rPh sb="4" eb="6">
      <t>ロウジン</t>
    </rPh>
    <rPh sb="10" eb="11">
      <t>ツバキ</t>
    </rPh>
    <rPh sb="11" eb="12">
      <t>コトブキ</t>
    </rPh>
    <rPh sb="12" eb="13">
      <t>ソウ</t>
    </rPh>
    <phoneticPr fontId="5"/>
  </si>
  <si>
    <t>富山市蜷川89番地</t>
  </si>
  <si>
    <t>熊野</t>
    <rPh sb="0" eb="2">
      <t>クマノ</t>
    </rPh>
    <phoneticPr fontId="6"/>
  </si>
  <si>
    <t>076-413-3822</t>
  </si>
  <si>
    <t>076-425-8500</t>
  </si>
  <si>
    <t>076-461-5523</t>
  </si>
  <si>
    <t>ショートステイ　にながわ</t>
  </si>
  <si>
    <t>076-422-7217</t>
  </si>
  <si>
    <t>特別養護老人ホーム　三寿苑</t>
  </si>
  <si>
    <t>特別養護老人ホーム　すみれ苑</t>
  </si>
  <si>
    <t>076-461-7265</t>
  </si>
  <si>
    <t>076-437-6225</t>
  </si>
  <si>
    <t>堀川南</t>
    <rPh sb="0" eb="2">
      <t>ホリカワ</t>
    </rPh>
    <rPh sb="2" eb="3">
      <t>ミナミ</t>
    </rPh>
    <phoneticPr fontId="6"/>
  </si>
  <si>
    <t>076-429-6677</t>
  </si>
  <si>
    <t>16B0100113</t>
  </si>
  <si>
    <t>076-425-4279</t>
  </si>
  <si>
    <t>076-464-3680</t>
  </si>
  <si>
    <t>富山市水橋小路287-1</t>
    <rPh sb="0" eb="3">
      <t>トヤマシ</t>
    </rPh>
    <rPh sb="3" eb="5">
      <t>ミズハシ</t>
    </rPh>
    <rPh sb="5" eb="7">
      <t>ショウジ</t>
    </rPh>
    <phoneticPr fontId="5"/>
  </si>
  <si>
    <t>富山市今泉西部町2番地5 VIPハイツ日本海201号室　</t>
    <rPh sb="3" eb="5">
      <t>イマイズミ</t>
    </rPh>
    <rPh sb="5" eb="7">
      <t>セイブ</t>
    </rPh>
    <rPh sb="7" eb="8">
      <t>マチ</t>
    </rPh>
    <rPh sb="9" eb="11">
      <t>バンチ</t>
    </rPh>
    <rPh sb="19" eb="21">
      <t>ニホン</t>
    </rPh>
    <rPh sb="21" eb="22">
      <t>カイ</t>
    </rPh>
    <rPh sb="25" eb="27">
      <t>ゴウシツ</t>
    </rPh>
    <phoneticPr fontId="5"/>
  </si>
  <si>
    <t>076-451-8017</t>
  </si>
  <si>
    <t>富山市今泉218番地</t>
  </si>
  <si>
    <t>介護老人保健施設シルバーケア今泉</t>
  </si>
  <si>
    <t>076-431-1625</t>
  </si>
  <si>
    <t>富山市水橋市田袋126番地</t>
  </si>
  <si>
    <t>富山市本郷西部８３－１</t>
    <rPh sb="0" eb="3">
      <t>トヤマシ</t>
    </rPh>
    <rPh sb="3" eb="5">
      <t>ホンゴウ</t>
    </rPh>
    <rPh sb="5" eb="7">
      <t>セイブ</t>
    </rPh>
    <phoneticPr fontId="5"/>
  </si>
  <si>
    <t>076-491-0202</t>
  </si>
  <si>
    <t>076-429-7494</t>
  </si>
  <si>
    <t>076-431-0158</t>
  </si>
  <si>
    <t>富山市音羽町1丁目4番7号</t>
  </si>
  <si>
    <t>076-442-3828</t>
  </si>
  <si>
    <t>076-469-0607</t>
  </si>
  <si>
    <t>076-491-0333</t>
  </si>
  <si>
    <t>富山市婦中町上田島32番地２</t>
  </si>
  <si>
    <t>ヘルパーステーションくるり</t>
  </si>
  <si>
    <t>特別養護老人ホーム  和合ハイツ</t>
  </si>
  <si>
    <t>射水万葉会天正寺サポートセンター</t>
  </si>
  <si>
    <t>ケア・サンエス富山</t>
    <rPh sb="7" eb="9">
      <t>トヤマ</t>
    </rPh>
    <phoneticPr fontId="5"/>
  </si>
  <si>
    <t>富山市野々上340</t>
  </si>
  <si>
    <t>コロネット</t>
  </si>
  <si>
    <t>076-413-6588</t>
  </si>
  <si>
    <t>富山市八尾町西神通８８２番地１</t>
    <rPh sb="0" eb="3">
      <t>トヤマシ</t>
    </rPh>
    <rPh sb="3" eb="5">
      <t>ヤツオ</t>
    </rPh>
    <rPh sb="5" eb="6">
      <t>マチ</t>
    </rPh>
    <rPh sb="6" eb="7">
      <t>ニシ</t>
    </rPh>
    <rPh sb="7" eb="8">
      <t>カミ</t>
    </rPh>
    <rPh sb="8" eb="9">
      <t>ツウ</t>
    </rPh>
    <rPh sb="12" eb="14">
      <t>バンチ</t>
    </rPh>
    <phoneticPr fontId="5"/>
  </si>
  <si>
    <t>老人保健施設　チューリップ苑</t>
  </si>
  <si>
    <t>介護医療院　せいわ</t>
  </si>
  <si>
    <t>076-451-7005</t>
  </si>
  <si>
    <t>076-451-7840</t>
  </si>
  <si>
    <t>富山市五福１１６番地</t>
    <rPh sb="0" eb="3">
      <t>トヤマシ</t>
    </rPh>
    <rPh sb="3" eb="4">
      <t>ゴ</t>
    </rPh>
    <rPh sb="4" eb="5">
      <t>フク</t>
    </rPh>
    <rPh sb="8" eb="10">
      <t>バンチ</t>
    </rPh>
    <phoneticPr fontId="5"/>
  </si>
  <si>
    <t>076-452-6860</t>
  </si>
  <si>
    <t>富山老人保健施設</t>
  </si>
  <si>
    <t>大山</t>
    <rPh sb="0" eb="2">
      <t>オオヤマ</t>
    </rPh>
    <phoneticPr fontId="6"/>
  </si>
  <si>
    <t>富山西居宅介護支援事業所</t>
  </si>
  <si>
    <t>076-429-7766</t>
  </si>
  <si>
    <t>076-461-7484</t>
  </si>
  <si>
    <t>富山市藤木1847番地2</t>
  </si>
  <si>
    <t>特別養護老人ホーム くれは苑</t>
    <rPh sb="0" eb="2">
      <t>トクベツ</t>
    </rPh>
    <rPh sb="2" eb="6">
      <t>ヨウゴロウジン</t>
    </rPh>
    <rPh sb="13" eb="14">
      <t>エン</t>
    </rPh>
    <phoneticPr fontId="5"/>
  </si>
  <si>
    <t>076-411-5224</t>
  </si>
  <si>
    <t>076-422-1200</t>
  </si>
  <si>
    <t>076-422-3281</t>
  </si>
  <si>
    <t>076-429-8538</t>
  </si>
  <si>
    <t>076-411-4040</t>
  </si>
  <si>
    <t>076-429-9143</t>
  </si>
  <si>
    <t>ツクイ富山</t>
    <rPh sb="3" eb="5">
      <t>トヤマ</t>
    </rPh>
    <phoneticPr fontId="5"/>
  </si>
  <si>
    <t>富山市豊田本町三丁目２０番１３－１０１号ステンドハウスD棟</t>
  </si>
  <si>
    <t>ヘルパーステーション永楽</t>
  </si>
  <si>
    <t>白光苑居宅介護支援事業所</t>
  </si>
  <si>
    <t>プランセンター　マーガレット</t>
  </si>
  <si>
    <t>076-482-4402</t>
  </si>
  <si>
    <t>富山市天正寺484番地1</t>
  </si>
  <si>
    <t>富山市石坂新８３０番地１</t>
  </si>
  <si>
    <t>076-461-4580</t>
  </si>
  <si>
    <t>富山市高木２４８１－６</t>
  </si>
  <si>
    <t>特別養護老人ホーム　晴風荘</t>
  </si>
  <si>
    <t>076-461-3035</t>
  </si>
  <si>
    <t>在宅介護あおい</t>
    <rPh sb="0" eb="2">
      <t>ザイタク</t>
    </rPh>
    <rPh sb="2" eb="4">
      <t>カイゴ</t>
    </rPh>
    <phoneticPr fontId="5"/>
  </si>
  <si>
    <t>076-478-3681</t>
  </si>
  <si>
    <t>特別養護老人ホーム梨雲苑ゆうゆう</t>
    <rPh sb="0" eb="2">
      <t>トクベツ</t>
    </rPh>
    <rPh sb="2" eb="4">
      <t>ヨウゴ</t>
    </rPh>
    <rPh sb="4" eb="6">
      <t>ロウジン</t>
    </rPh>
    <rPh sb="9" eb="10">
      <t>ナシ</t>
    </rPh>
    <rPh sb="10" eb="11">
      <t>クモ</t>
    </rPh>
    <rPh sb="11" eb="12">
      <t>エン</t>
    </rPh>
    <phoneticPr fontId="5"/>
  </si>
  <si>
    <t>076-413-3730</t>
  </si>
  <si>
    <t>介護サービス</t>
    <rPh sb="0" eb="2">
      <t>カイゴ</t>
    </rPh>
    <phoneticPr fontId="5"/>
  </si>
  <si>
    <t>076-420-7036</t>
  </si>
  <si>
    <t>あんじゅ居宅介護支援事業所</t>
    <rPh sb="4" eb="13">
      <t>キョタクカイゴシエンジギョウショ</t>
    </rPh>
    <phoneticPr fontId="5"/>
  </si>
  <si>
    <t>076-420-7037</t>
  </si>
  <si>
    <t>富山市中老田845番地</t>
  </si>
  <si>
    <t>ヘルパーステーションみんなの輪</t>
  </si>
  <si>
    <t>富山市四方２１２番地３</t>
  </si>
  <si>
    <t>奥田</t>
    <rPh sb="0" eb="2">
      <t>オクダ</t>
    </rPh>
    <phoneticPr fontId="6"/>
  </si>
  <si>
    <t>076-425-1166</t>
  </si>
  <si>
    <t>076-464-5281</t>
  </si>
  <si>
    <t>訪問介護しあわせ</t>
  </si>
  <si>
    <t>076-494-1350</t>
  </si>
  <si>
    <t>076-492-6633</t>
  </si>
  <si>
    <t>神明</t>
    <rPh sb="0" eb="2">
      <t>シンメイ</t>
    </rPh>
    <phoneticPr fontId="5"/>
  </si>
  <si>
    <t>富山市森１丁目９番６号</t>
  </si>
  <si>
    <t>にながわ光風苑</t>
  </si>
  <si>
    <t>076-424-0570</t>
  </si>
  <si>
    <t>新保</t>
    <rPh sb="0" eb="1">
      <t>シン</t>
    </rPh>
    <rPh sb="1" eb="2">
      <t>ホ</t>
    </rPh>
    <phoneticPr fontId="6"/>
  </si>
  <si>
    <t>光風会みまもりステーション</t>
  </si>
  <si>
    <t>のむら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076-407-1401</t>
  </si>
  <si>
    <t>076-436-1338</t>
  </si>
  <si>
    <t>富山市清水中町３番地の21</t>
  </si>
  <si>
    <t>ニチイケアセンター安養坊</t>
  </si>
  <si>
    <t>富山市下奥井１丁目１９番１６号</t>
  </si>
  <si>
    <t>オークス株式会社ライフケア事業部</t>
  </si>
  <si>
    <t>富山市辰巳町二丁目４番１２号</t>
    <rPh sb="0" eb="3">
      <t>トヤマシ</t>
    </rPh>
    <rPh sb="3" eb="6">
      <t>タツミチョウ</t>
    </rPh>
    <rPh sb="6" eb="9">
      <t>２チョウメ</t>
    </rPh>
    <rPh sb="10" eb="11">
      <t>バン</t>
    </rPh>
    <rPh sb="13" eb="14">
      <t>ゴウ</t>
    </rPh>
    <phoneticPr fontId="5"/>
  </si>
  <si>
    <t>076-436-1214</t>
  </si>
  <si>
    <t>訪問介護事業所ベストライフケア</t>
    <rPh sb="0" eb="4">
      <t>ホウモンカイゴ</t>
    </rPh>
    <rPh sb="4" eb="7">
      <t>ジギョウショ</t>
    </rPh>
    <phoneticPr fontId="5"/>
  </si>
  <si>
    <t>富山市大町66番地1</t>
  </si>
  <si>
    <t>富山市才覚寺259番地</t>
  </si>
  <si>
    <t>076-431-1620</t>
  </si>
  <si>
    <t>富山市水橋辻ケ堂777番地</t>
  </si>
  <si>
    <t>ショートステイみのり</t>
  </si>
  <si>
    <t>076-461-5588</t>
  </si>
  <si>
    <t>076-439-3005</t>
  </si>
  <si>
    <t>清水</t>
    <rPh sb="0" eb="1">
      <t>シミズ</t>
    </rPh>
    <phoneticPr fontId="5"/>
  </si>
  <si>
    <t>富山市城川原一丁目17番14号</t>
  </si>
  <si>
    <t>訪問介護事業所　樹</t>
  </si>
  <si>
    <t>076-452-2817</t>
  </si>
  <si>
    <t>076-434-9322</t>
  </si>
  <si>
    <t>富山市南金屋111番地</t>
  </si>
  <si>
    <t>076-451-2011</t>
  </si>
  <si>
    <t>076-493-0030</t>
  </si>
  <si>
    <t>ふくし百選　プランニングあずみ</t>
  </si>
  <si>
    <t>ケアハウスめぐみ</t>
  </si>
  <si>
    <t>―</t>
  </si>
  <si>
    <t>076-466-0701</t>
  </si>
  <si>
    <t>076-481-7405</t>
  </si>
  <si>
    <t>076-451-7701</t>
  </si>
  <si>
    <t>老人居宅介護支援センターくれは苑</t>
  </si>
  <si>
    <t>富山市呉羽町７３２０番地１４　アーバンつつじヶ丘２－Ｆ</t>
  </si>
  <si>
    <t>富山市婦中町響の杜269番地53</t>
    <rPh sb="3" eb="7">
      <t>フチュウマチヒビキ</t>
    </rPh>
    <rPh sb="8" eb="9">
      <t>モリ</t>
    </rPh>
    <rPh sb="12" eb="14">
      <t>バンチ</t>
    </rPh>
    <phoneticPr fontId="5"/>
  </si>
  <si>
    <t>ツクイ富山萩原</t>
    <rPh sb="3" eb="5">
      <t>トヤマ</t>
    </rPh>
    <rPh sb="5" eb="7">
      <t>ハギハラ</t>
    </rPh>
    <phoneticPr fontId="6"/>
  </si>
  <si>
    <t>萩野医院居宅介護支援センター</t>
  </si>
  <si>
    <t>富山市東石金町１１番６５号</t>
  </si>
  <si>
    <t>富山市水橋新堀１</t>
  </si>
  <si>
    <t>富山市大宮町24番地</t>
  </si>
  <si>
    <t>富山市安養坊256-1</t>
  </si>
  <si>
    <t>076-493-1165</t>
  </si>
  <si>
    <t>076-425-1228</t>
  </si>
  <si>
    <t>（株）富山県義肢製作所</t>
    <rPh sb="1" eb="2">
      <t>カブ</t>
    </rPh>
    <phoneticPr fontId="5"/>
  </si>
  <si>
    <t>076-429-8686</t>
  </si>
  <si>
    <t>老人保健施設みわ苑</t>
  </si>
  <si>
    <t>076-429-8080</t>
  </si>
  <si>
    <t>076-482-6560</t>
  </si>
  <si>
    <t>076-492-8838</t>
  </si>
  <si>
    <t>富山市蓮町二丁目７番１２号</t>
    <rPh sb="0" eb="3">
      <t>トヤマシ</t>
    </rPh>
    <rPh sb="9" eb="10">
      <t>バン</t>
    </rPh>
    <rPh sb="12" eb="13">
      <t>ゴウ</t>
    </rPh>
    <phoneticPr fontId="6"/>
  </si>
  <si>
    <t>乗降介助</t>
    <rPh sb="0" eb="2">
      <t>ジョウコウ</t>
    </rPh>
    <rPh sb="2" eb="4">
      <t>カイジョ</t>
    </rPh>
    <phoneticPr fontId="5"/>
  </si>
  <si>
    <t>076-464-6857</t>
  </si>
  <si>
    <t>フールケア訪問介護事業所</t>
    <rPh sb="5" eb="7">
      <t>ホウモン</t>
    </rPh>
    <rPh sb="7" eb="9">
      <t>カイゴ</t>
    </rPh>
    <rPh sb="9" eb="12">
      <t>ジギョウショ</t>
    </rPh>
    <phoneticPr fontId="5"/>
  </si>
  <si>
    <t>富山市藤木1542番地1</t>
  </si>
  <si>
    <t>076-452-5353</t>
  </si>
  <si>
    <t>富山市上袋５１８－１</t>
    <rPh sb="0" eb="3">
      <t>トヤマシ</t>
    </rPh>
    <rPh sb="3" eb="4">
      <t>カミ</t>
    </rPh>
    <rPh sb="4" eb="5">
      <t>ブクロ</t>
    </rPh>
    <phoneticPr fontId="6"/>
  </si>
  <si>
    <t>堀川南光風苑</t>
  </si>
  <si>
    <t>ビルト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076-493-6000</t>
  </si>
  <si>
    <t>笑ひ訪問介護</t>
    <rPh sb="0" eb="1">
      <t>ワラ</t>
    </rPh>
    <rPh sb="2" eb="4">
      <t>ホウモン</t>
    </rPh>
    <rPh sb="4" eb="6">
      <t>カイゴ</t>
    </rPh>
    <phoneticPr fontId="5"/>
  </si>
  <si>
    <t>富山市太郎丸西町一丁目６番６</t>
    <rPh sb="12" eb="13">
      <t>バン</t>
    </rPh>
    <phoneticPr fontId="6"/>
  </si>
  <si>
    <t>1650180159</t>
  </si>
  <si>
    <t>八幡</t>
    <rPh sb="0" eb="2">
      <t>ハチマン</t>
    </rPh>
    <phoneticPr fontId="6"/>
  </si>
  <si>
    <t>訪問看護ステーションまめなけ</t>
    <rPh sb="0" eb="2">
      <t>ホウモン</t>
    </rPh>
    <rPh sb="2" eb="4">
      <t>カンゴ</t>
    </rPh>
    <phoneticPr fontId="5"/>
  </si>
  <si>
    <t>ニチイケアセンター婦中</t>
    <rPh sb="9" eb="11">
      <t>フチュウ</t>
    </rPh>
    <phoneticPr fontId="5"/>
  </si>
  <si>
    <t>富山市婦中町塚原１２２</t>
    <rPh sb="0" eb="3">
      <t>トヤマシ</t>
    </rPh>
    <rPh sb="3" eb="6">
      <t>フチュウマチ</t>
    </rPh>
    <rPh sb="6" eb="7">
      <t>ツカ</t>
    </rPh>
    <rPh sb="7" eb="8">
      <t>ハラ</t>
    </rPh>
    <phoneticPr fontId="6"/>
  </si>
  <si>
    <t>富山市婦中町塚原１２２</t>
    <rPh sb="0" eb="3">
      <t>トヤマシ</t>
    </rPh>
    <rPh sb="3" eb="6">
      <t>フチュウマチ</t>
    </rPh>
    <rPh sb="6" eb="7">
      <t>ツカ</t>
    </rPh>
    <rPh sb="7" eb="8">
      <t>ハラ</t>
    </rPh>
    <phoneticPr fontId="5"/>
  </si>
  <si>
    <t>富山市水橋新堀17番地１</t>
  </si>
  <si>
    <t>介護相談所ぽんぽこ</t>
  </si>
  <si>
    <t>076-407-1666</t>
  </si>
  <si>
    <t>富山市飯野１８番４</t>
  </si>
  <si>
    <t>076-451-1806</t>
  </si>
  <si>
    <t>076-425-0886</t>
  </si>
  <si>
    <t>1670105020</t>
  </si>
  <si>
    <t>富山市下新本町3番17号</t>
    <rPh sb="0" eb="3">
      <t>トヤマシ</t>
    </rPh>
    <rPh sb="3" eb="7">
      <t>シモシンホンマチ</t>
    </rPh>
    <rPh sb="8" eb="9">
      <t>バン</t>
    </rPh>
    <rPh sb="11" eb="12">
      <t>ゴウ</t>
    </rPh>
    <phoneticPr fontId="6"/>
  </si>
  <si>
    <t>076-428-3333</t>
  </si>
  <si>
    <t>富山市婦中町塚原122番地</t>
  </si>
  <si>
    <t>富山市二口町1丁目9番地3</t>
  </si>
  <si>
    <t>富山市下新北町6番45号</t>
  </si>
  <si>
    <t>富山市吉作３６５－６</t>
  </si>
  <si>
    <t>076-491-0061</t>
  </si>
  <si>
    <t>076-420-1204</t>
  </si>
  <si>
    <t>富山市向新庄町四丁目１４－４８</t>
    <rPh sb="3" eb="4">
      <t>ムカイ</t>
    </rPh>
    <rPh sb="4" eb="6">
      <t>シンジョウ</t>
    </rPh>
    <rPh sb="6" eb="7">
      <t>マチ</t>
    </rPh>
    <rPh sb="7" eb="8">
      <t>4</t>
    </rPh>
    <rPh sb="8" eb="10">
      <t>チョウメ</t>
    </rPh>
    <phoneticPr fontId="5"/>
  </si>
  <si>
    <t>076-411-4121</t>
  </si>
  <si>
    <t>水橋西部</t>
    <rPh sb="0" eb="1">
      <t>ミズ</t>
    </rPh>
    <rPh sb="1" eb="2">
      <t>ハシ</t>
    </rPh>
    <rPh sb="2" eb="4">
      <t>セイブ</t>
    </rPh>
    <phoneticPr fontId="5"/>
  </si>
  <si>
    <t>富山市堀川町374番地2</t>
    <rPh sb="0" eb="3">
      <t>トヤマシ</t>
    </rPh>
    <rPh sb="3" eb="6">
      <t>ホリカワマチ</t>
    </rPh>
    <rPh sb="9" eb="11">
      <t>バンチ</t>
    </rPh>
    <phoneticPr fontId="5"/>
  </si>
  <si>
    <t>076-435-5756</t>
  </si>
  <si>
    <r>
      <t xml:space="preserve">定員
</t>
    </r>
    <r>
      <rPr>
        <sz val="8"/>
        <rFont val="ＭＳ Ｐゴシック"/>
        <family val="3"/>
        <charset val="128"/>
      </rPr>
      <t>(　）はユニット型の床数</t>
    </r>
    <rPh sb="0" eb="2">
      <t>テイイン</t>
    </rPh>
    <phoneticPr fontId="5"/>
  </si>
  <si>
    <t>富山市月見町４丁目４２番地</t>
    <rPh sb="3" eb="5">
      <t>ツキミ</t>
    </rPh>
    <rPh sb="5" eb="6">
      <t>マチ</t>
    </rPh>
    <rPh sb="7" eb="9">
      <t>チョウメ</t>
    </rPh>
    <rPh sb="11" eb="13">
      <t>バンチ</t>
    </rPh>
    <phoneticPr fontId="5"/>
  </si>
  <si>
    <t>長谷川病院居宅介護支援事業所</t>
  </si>
  <si>
    <t>076-494-3164</t>
  </si>
  <si>
    <t>076-455-8011</t>
  </si>
  <si>
    <t>八尾居宅介護支援事業所</t>
  </si>
  <si>
    <t>富山市大町２２番地１４</t>
    <rPh sb="0" eb="3">
      <t>トヤマシ</t>
    </rPh>
    <rPh sb="3" eb="5">
      <t>オオマチ</t>
    </rPh>
    <rPh sb="7" eb="9">
      <t>バンチ</t>
    </rPh>
    <phoneticPr fontId="5"/>
  </si>
  <si>
    <t>076-467-1000</t>
  </si>
  <si>
    <t>076-422-7400</t>
  </si>
  <si>
    <t>076-471-8605</t>
  </si>
  <si>
    <t>1670111523</t>
  </si>
  <si>
    <t>特別養護老人ホーム ふるさと敬寿苑
短期入所介護事業所</t>
    <rPh sb="0" eb="2">
      <t>トクベツ</t>
    </rPh>
    <rPh sb="2" eb="4">
      <t>ヨウゴ</t>
    </rPh>
    <rPh sb="4" eb="6">
      <t>ロウジン</t>
    </rPh>
    <rPh sb="14" eb="15">
      <t>ウヤマ</t>
    </rPh>
    <rPh sb="15" eb="16">
      <t>コトブキ</t>
    </rPh>
    <rPh sb="16" eb="17">
      <t>エン</t>
    </rPh>
    <rPh sb="18" eb="20">
      <t>タンキ</t>
    </rPh>
    <rPh sb="20" eb="22">
      <t>ニュウショ</t>
    </rPh>
    <rPh sb="22" eb="24">
      <t>カイゴ</t>
    </rPh>
    <rPh sb="24" eb="27">
      <t>ジギョウショ</t>
    </rPh>
    <phoneticPr fontId="5"/>
  </si>
  <si>
    <t>なないろ居宅介護支援事業所</t>
  </si>
  <si>
    <t>デイサービス百たろう</t>
    <rPh sb="6" eb="7">
      <t>モモ</t>
    </rPh>
    <phoneticPr fontId="6"/>
  </si>
  <si>
    <t>076-443-9260</t>
  </si>
  <si>
    <t>076-429-8880</t>
  </si>
  <si>
    <t>老人保健施設　シルバーケア栗山</t>
  </si>
  <si>
    <t>富山市松若町331番</t>
  </si>
  <si>
    <t>富山市向新庄町四丁目１４番地４８</t>
    <rPh sb="13" eb="14">
      <t>チ</t>
    </rPh>
    <phoneticPr fontId="5"/>
  </si>
  <si>
    <t>事業所名称</t>
  </si>
  <si>
    <t>老人保健施設　白雲荘</t>
  </si>
  <si>
    <t>青鳥寺居宅介護支援事業所</t>
  </si>
  <si>
    <t>076-493-6666</t>
  </si>
  <si>
    <t>076-471-6293</t>
  </si>
  <si>
    <t>ヘルパーステーション金泉寺</t>
  </si>
  <si>
    <t>富山市婦中町上田島３２－３</t>
    <rPh sb="0" eb="3">
      <t>トヤマシ</t>
    </rPh>
    <rPh sb="3" eb="6">
      <t>フチュウマチ</t>
    </rPh>
    <rPh sb="6" eb="8">
      <t>ウエダ</t>
    </rPh>
    <rPh sb="8" eb="9">
      <t>シマ</t>
    </rPh>
    <phoneticPr fontId="5"/>
  </si>
  <si>
    <t>ヘルパーステーション虹の丘</t>
    <rPh sb="10" eb="11">
      <t>ニジ</t>
    </rPh>
    <rPh sb="12" eb="13">
      <t>オカ</t>
    </rPh>
    <phoneticPr fontId="5"/>
  </si>
  <si>
    <t>富山市元町一丁目３番２２号</t>
    <rPh sb="0" eb="3">
      <t>トヤマシ</t>
    </rPh>
    <rPh sb="3" eb="5">
      <t>モトマチ</t>
    </rPh>
    <rPh sb="5" eb="8">
      <t>イッチョウメ</t>
    </rPh>
    <rPh sb="9" eb="10">
      <t>バン</t>
    </rPh>
    <rPh sb="12" eb="13">
      <t>ゴウ</t>
    </rPh>
    <phoneticPr fontId="5"/>
  </si>
  <si>
    <t>076-436-7834</t>
  </si>
  <si>
    <t>076-451-6273</t>
  </si>
  <si>
    <t>はなさき苑居宅介護支援事業所</t>
  </si>
  <si>
    <t>ヘルパーステーションささえ愛</t>
    <rPh sb="13" eb="14">
      <t>アイ</t>
    </rPh>
    <phoneticPr fontId="5"/>
  </si>
  <si>
    <t>富山市掛尾町５２０番地１</t>
    <rPh sb="9" eb="11">
      <t>バンチ</t>
    </rPh>
    <phoneticPr fontId="5"/>
  </si>
  <si>
    <t>076-436-7805</t>
  </si>
  <si>
    <t>富山市布目１９６６－１</t>
  </si>
  <si>
    <t>ふるさと敬寿苑ホームヘルパーステーション</t>
    <rPh sb="4" eb="5">
      <t>ウヤマ</t>
    </rPh>
    <rPh sb="5" eb="6">
      <t>コトブキ</t>
    </rPh>
    <rPh sb="6" eb="7">
      <t>エン</t>
    </rPh>
    <phoneticPr fontId="5"/>
  </si>
  <si>
    <t>特別養護老人ホームアルペンハイツ</t>
  </si>
  <si>
    <t>ケアサポート・まき　吉作</t>
  </si>
  <si>
    <t>総曲輪</t>
    <rPh sb="0" eb="1">
      <t>ソウ</t>
    </rPh>
    <rPh sb="1" eb="2">
      <t>キョク</t>
    </rPh>
    <rPh sb="2" eb="3">
      <t>ワ</t>
    </rPh>
    <phoneticPr fontId="5"/>
  </si>
  <si>
    <t>076-405-9313</t>
  </si>
  <si>
    <t>076-454-5341</t>
  </si>
  <si>
    <t>076-455-8960</t>
  </si>
  <si>
    <t>こもれびの森マロンケアサービス</t>
  </si>
  <si>
    <t>076-494-2880</t>
  </si>
  <si>
    <t>076-481-6363</t>
  </si>
  <si>
    <t>あすケアとやま訪問介護事業所</t>
  </si>
  <si>
    <t>椿寿荘居宅介護支援事業所</t>
  </si>
  <si>
    <t>076-494-2881</t>
  </si>
  <si>
    <t>特別養護老人ホーム 太陽苑</t>
    <rPh sb="0" eb="2">
      <t>トクベツ</t>
    </rPh>
    <rPh sb="2" eb="4">
      <t>ヨウゴ</t>
    </rPh>
    <rPh sb="4" eb="6">
      <t>ロウジン</t>
    </rPh>
    <rPh sb="10" eb="12">
      <t>タイヨウ</t>
    </rPh>
    <rPh sb="12" eb="13">
      <t>エン</t>
    </rPh>
    <phoneticPr fontId="5"/>
  </si>
  <si>
    <t>076-454-7823</t>
  </si>
  <si>
    <t>076-428-5565</t>
  </si>
  <si>
    <t>076-479-2077</t>
  </si>
  <si>
    <t>富山市月岡町六丁目１３１３番地１</t>
    <rPh sb="0" eb="3">
      <t>トヤマシ</t>
    </rPh>
    <rPh sb="3" eb="6">
      <t>ツキオカチョウ</t>
    </rPh>
    <rPh sb="6" eb="9">
      <t>ロクチョウメ</t>
    </rPh>
    <rPh sb="13" eb="15">
      <t>バンチ</t>
    </rPh>
    <phoneticPr fontId="5"/>
  </si>
  <si>
    <t>076-478-5521</t>
  </si>
  <si>
    <t>浜黒崎</t>
    <rPh sb="0" eb="1">
      <t>ハマ</t>
    </rPh>
    <rPh sb="1" eb="3">
      <t>クロサキ</t>
    </rPh>
    <phoneticPr fontId="6"/>
  </si>
  <si>
    <t>076-436-2002</t>
  </si>
  <si>
    <t>ふくふく居宅介護支援事業所</t>
  </si>
  <si>
    <t>介護老人保健施設　アメニティ月岡</t>
    <rPh sb="0" eb="2">
      <t>カイゴ</t>
    </rPh>
    <rPh sb="14" eb="16">
      <t>ツキオカ</t>
    </rPh>
    <phoneticPr fontId="6"/>
  </si>
  <si>
    <t>富山市飯野１番２号</t>
  </si>
  <si>
    <t>訪問介護ステーション悠ライフ富山</t>
    <rPh sb="0" eb="2">
      <t>ホウモン</t>
    </rPh>
    <rPh sb="2" eb="4">
      <t>カイゴ</t>
    </rPh>
    <rPh sb="10" eb="11">
      <t>ユウ</t>
    </rPh>
    <rPh sb="14" eb="16">
      <t>トヤマ</t>
    </rPh>
    <phoneticPr fontId="5"/>
  </si>
  <si>
    <t>076-461-5566</t>
  </si>
  <si>
    <t>076-451-9998</t>
  </si>
  <si>
    <t>076-469-5421</t>
  </si>
  <si>
    <t>076-438-7228</t>
  </si>
  <si>
    <t>076-469-5425</t>
  </si>
  <si>
    <t>富山市高畠町１丁目１０－１７</t>
    <rPh sb="0" eb="3">
      <t>トヤマシ</t>
    </rPh>
    <rPh sb="3" eb="4">
      <t>タカ</t>
    </rPh>
    <rPh sb="4" eb="5">
      <t>ハタケ</t>
    </rPh>
    <rPh sb="5" eb="6">
      <t>マチ</t>
    </rPh>
    <rPh sb="7" eb="9">
      <t>チョウメ</t>
    </rPh>
    <phoneticPr fontId="5"/>
  </si>
  <si>
    <t>076-469-0608</t>
  </si>
  <si>
    <t>076-413-7833</t>
  </si>
  <si>
    <t>1670101482</t>
  </si>
  <si>
    <t>いきいき元気クラブ</t>
    <rPh sb="4" eb="6">
      <t>ゲンキ</t>
    </rPh>
    <phoneticPr fontId="6"/>
  </si>
  <si>
    <t>富山市飯野２番地の３</t>
  </si>
  <si>
    <t>富山市蓮町四丁目６番３号</t>
    <rPh sb="0" eb="5">
      <t>トヤマシハスマチ</t>
    </rPh>
    <rPh sb="5" eb="6">
      <t>ヨン</t>
    </rPh>
    <rPh sb="6" eb="8">
      <t>チョウメ</t>
    </rPh>
    <rPh sb="9" eb="10">
      <t>バン</t>
    </rPh>
    <rPh sb="11" eb="12">
      <t>ゴウ</t>
    </rPh>
    <phoneticPr fontId="5"/>
  </si>
  <si>
    <t>富山市秋ケ島146番地１</t>
  </si>
  <si>
    <t>076-425-0817</t>
  </si>
  <si>
    <t>富山市荒川一丁目１番88号</t>
  </si>
  <si>
    <t>ケア・サンエス富山</t>
  </si>
  <si>
    <t>あしたねの森デイサービス</t>
  </si>
  <si>
    <t>ふるさとのあかり</t>
  </si>
  <si>
    <t>敬寿苑デイサービスセンター</t>
  </si>
  <si>
    <t>富山市四ツ葉町１４番２４号</t>
  </si>
  <si>
    <t>富山リハビリホームヘルプサービス事業所</t>
  </si>
  <si>
    <t>076-465-2131</t>
  </si>
  <si>
    <t>076-434-2142</t>
  </si>
  <si>
    <t>ちゅらさん婦中デイサービスセンター</t>
  </si>
  <si>
    <t>富山市才覚寺２８０－１</t>
    <rPh sb="0" eb="3">
      <t>トヤマシ</t>
    </rPh>
    <rPh sb="3" eb="5">
      <t>サイカク</t>
    </rPh>
    <rPh sb="5" eb="6">
      <t>テラ</t>
    </rPh>
    <phoneticPr fontId="5"/>
  </si>
  <si>
    <t>076-438-8489</t>
  </si>
  <si>
    <t>076-478-4003</t>
  </si>
  <si>
    <t>富山市栗山字沢下割９００</t>
  </si>
  <si>
    <t>五福</t>
    <rPh sb="0" eb="1">
      <t>ゴ</t>
    </rPh>
    <rPh sb="1" eb="2">
      <t>フク</t>
    </rPh>
    <phoneticPr fontId="5"/>
  </si>
  <si>
    <t>有限会社　メディカル商会</t>
  </si>
  <si>
    <t>076-425-0768</t>
  </si>
  <si>
    <t>特別養護老人ホーム　白光苑</t>
  </si>
  <si>
    <t>076-466-0852</t>
  </si>
  <si>
    <t>076-482-6543</t>
  </si>
  <si>
    <t>076-466-0015</t>
  </si>
  <si>
    <t>076-439-3654</t>
  </si>
  <si>
    <t>076-491-3366</t>
  </si>
  <si>
    <t>076-491-2114</t>
  </si>
  <si>
    <t>吉田内科クリニック・ホームヘルプサービス有限会社</t>
  </si>
  <si>
    <t>株式会社ケア・ワールド</t>
    <rPh sb="0" eb="2">
      <t>カブシキ</t>
    </rPh>
    <rPh sb="2" eb="4">
      <t>カイシャ</t>
    </rPh>
    <phoneticPr fontId="5"/>
  </si>
  <si>
    <t>076-495-9339</t>
  </si>
  <si>
    <t>富山市吉作1725番地</t>
  </si>
  <si>
    <t>076-407-1380</t>
  </si>
  <si>
    <t>076-491-2852</t>
  </si>
  <si>
    <t>076-442-5096</t>
  </si>
  <si>
    <t>076-427-1251</t>
  </si>
  <si>
    <t>株式会社富山県義肢製作所</t>
  </si>
  <si>
    <t>富山市新村８７－２</t>
    <rPh sb="0" eb="3">
      <t>トヤマシ</t>
    </rPh>
    <rPh sb="3" eb="5">
      <t>シンムラ</t>
    </rPh>
    <phoneticPr fontId="5"/>
  </si>
  <si>
    <t>このゆびとーまれ</t>
  </si>
  <si>
    <t>大沢野</t>
    <rPh sb="0" eb="3">
      <t>オオサワノ</t>
    </rPh>
    <phoneticPr fontId="5"/>
  </si>
  <si>
    <t>076-467-3589</t>
  </si>
  <si>
    <t>富山市太郎丸本町一丁目８番地１</t>
  </si>
  <si>
    <t>076-439-6566</t>
  </si>
  <si>
    <t>にながわ光風苑</t>
    <rPh sb="4" eb="5">
      <t>ヒカリ</t>
    </rPh>
    <rPh sb="5" eb="6">
      <t>カゼ</t>
    </rPh>
    <rPh sb="6" eb="7">
      <t>エン</t>
    </rPh>
    <phoneticPr fontId="6"/>
  </si>
  <si>
    <t>デイサービスおあしす中島</t>
    <rPh sb="10" eb="12">
      <t>ナカジマ</t>
    </rPh>
    <phoneticPr fontId="6"/>
  </si>
  <si>
    <t>076-439-6567</t>
  </si>
  <si>
    <t>光陽</t>
    <rPh sb="0" eb="2">
      <t>コウヨウ</t>
    </rPh>
    <phoneticPr fontId="6"/>
  </si>
  <si>
    <t>翠十字会ホームヘルパーステーション</t>
  </si>
  <si>
    <t>コメちゃん介護サービス</t>
  </si>
  <si>
    <t>076-466-3564</t>
  </si>
  <si>
    <t>076-429-6769</t>
  </si>
  <si>
    <t>076-429-7764</t>
  </si>
  <si>
    <t>富山市稲荷町４丁目３番１６号</t>
    <rPh sb="0" eb="3">
      <t>トヤマシ</t>
    </rPh>
    <rPh sb="3" eb="5">
      <t>イナリ</t>
    </rPh>
    <rPh sb="5" eb="6">
      <t>マチ</t>
    </rPh>
    <rPh sb="7" eb="9">
      <t>チョウメ</t>
    </rPh>
    <rPh sb="10" eb="11">
      <t>バン</t>
    </rPh>
    <rPh sb="13" eb="14">
      <t>ゴウ</t>
    </rPh>
    <phoneticPr fontId="5"/>
  </si>
  <si>
    <t>1650180076</t>
  </si>
  <si>
    <t>076-482-3521</t>
  </si>
  <si>
    <t>富山市月岡町２丁目１８８番地</t>
    <rPh sb="0" eb="3">
      <t>トヤマシ</t>
    </rPh>
    <rPh sb="3" eb="6">
      <t>ツキオカマチ</t>
    </rPh>
    <rPh sb="7" eb="9">
      <t>チョウメ</t>
    </rPh>
    <rPh sb="12" eb="13">
      <t>バン</t>
    </rPh>
    <rPh sb="13" eb="14">
      <t>チ</t>
    </rPh>
    <phoneticPr fontId="5"/>
  </si>
  <si>
    <t>アースサポート富山</t>
    <rPh sb="7" eb="9">
      <t>トヤマ</t>
    </rPh>
    <phoneticPr fontId="5"/>
  </si>
  <si>
    <t>076-431-0466</t>
  </si>
  <si>
    <t>富山寝具株式会社</t>
  </si>
  <si>
    <t>喜寿苑デイサービスセンター</t>
    <rPh sb="0" eb="2">
      <t>キジュ</t>
    </rPh>
    <rPh sb="2" eb="3">
      <t>エン</t>
    </rPh>
    <phoneticPr fontId="6"/>
  </si>
  <si>
    <t>076-431-0486</t>
  </si>
  <si>
    <t>076-443-9255</t>
  </si>
  <si>
    <t>富山市泉町一丁目２番16号</t>
    <rPh sb="9" eb="10">
      <t>バン</t>
    </rPh>
    <rPh sb="12" eb="13">
      <t>ゴウ</t>
    </rPh>
    <phoneticPr fontId="5"/>
  </si>
  <si>
    <t>富山市水橋辻ヶ堂７７７</t>
    <rPh sb="5" eb="6">
      <t>ツジ</t>
    </rPh>
    <rPh sb="7" eb="8">
      <t>ドウ</t>
    </rPh>
    <phoneticPr fontId="5"/>
  </si>
  <si>
    <t>076-421-2181</t>
  </si>
  <si>
    <t>富山市楠木33番地1</t>
  </si>
  <si>
    <t>076-424-7005</t>
  </si>
  <si>
    <t>アクア富山訪問看護</t>
    <rPh sb="3" eb="5">
      <t>トヤマ</t>
    </rPh>
    <rPh sb="5" eb="9">
      <t>ホウモンカンゴ</t>
    </rPh>
    <phoneticPr fontId="5"/>
  </si>
  <si>
    <t>076-451-7001</t>
  </si>
  <si>
    <t>光陽</t>
    <rPh sb="0" eb="2">
      <t>ミツヒロ</t>
    </rPh>
    <phoneticPr fontId="5"/>
  </si>
  <si>
    <t>富山市中老田８４５番地</t>
    <rPh sb="0" eb="3">
      <t>トヤマシ</t>
    </rPh>
    <rPh sb="3" eb="4">
      <t>ナカ</t>
    </rPh>
    <rPh sb="4" eb="5">
      <t>オ</t>
    </rPh>
    <rPh sb="5" eb="6">
      <t>タ</t>
    </rPh>
    <rPh sb="9" eb="11">
      <t>バンチ</t>
    </rPh>
    <phoneticPr fontId="6"/>
  </si>
  <si>
    <t>富山市蓮町四丁目６番３号</t>
  </si>
  <si>
    <t>富山市下野1784番地６</t>
  </si>
  <si>
    <t>老人介護事業所あさひホーム居宅介護支援事業所</t>
  </si>
  <si>
    <t>ケアサポートにながわ</t>
  </si>
  <si>
    <t>デイサービス虹の丘三郷</t>
    <rPh sb="6" eb="7">
      <t>ニジ</t>
    </rPh>
    <rPh sb="8" eb="9">
      <t>オカ</t>
    </rPh>
    <phoneticPr fontId="6"/>
  </si>
  <si>
    <t>076-424-0340</t>
  </si>
  <si>
    <t>萩浦</t>
    <rPh sb="0" eb="1">
      <t>ハギ</t>
    </rPh>
    <rPh sb="1" eb="2">
      <t>ウラ</t>
    </rPh>
    <phoneticPr fontId="5"/>
  </si>
  <si>
    <t>ニチイケアセンター呉羽</t>
  </si>
  <si>
    <t>076-432-2005</t>
  </si>
  <si>
    <t>訪問看護ステーションデューン富山</t>
  </si>
  <si>
    <t>076-467-5155</t>
  </si>
  <si>
    <t>076-461-7122</t>
  </si>
  <si>
    <t>076-422-8230</t>
  </si>
  <si>
    <t>富山市高田７０番地</t>
    <rPh sb="0" eb="3">
      <t>トヤマシ</t>
    </rPh>
    <rPh sb="3" eb="5">
      <t>タカタ</t>
    </rPh>
    <rPh sb="7" eb="9">
      <t>バンチ</t>
    </rPh>
    <phoneticPr fontId="5"/>
  </si>
  <si>
    <t>090-1396-1983</t>
  </si>
  <si>
    <t>ちゅらさん居宅介護支援事業所</t>
  </si>
  <si>
    <t>076-482-6686</t>
  </si>
  <si>
    <t>076-444-8633</t>
  </si>
  <si>
    <t>喜寿苑居宅介護支援事業所</t>
  </si>
  <si>
    <t>076-438-8455</t>
  </si>
  <si>
    <t>076-483-3322</t>
  </si>
  <si>
    <t>ひなたぼっことやまショートステイセンター</t>
  </si>
  <si>
    <t>076-407-1566</t>
  </si>
  <si>
    <t>ひなたぼっことやまデイサービスセンター</t>
  </si>
  <si>
    <t>076-492-7210</t>
  </si>
  <si>
    <t>076-492-8989</t>
  </si>
  <si>
    <t>076-469-1000</t>
  </si>
  <si>
    <t>076-471-6100</t>
  </si>
  <si>
    <t>076-451-9999</t>
  </si>
  <si>
    <t>076-455-3851</t>
  </si>
  <si>
    <t>アルペン居宅介護支援事業所</t>
  </si>
  <si>
    <t>ふくし百選</t>
  </si>
  <si>
    <t>富山総合福祉研究所</t>
  </si>
  <si>
    <t>ＪＡあおば介護サービスセンター</t>
    <rPh sb="5" eb="7">
      <t>カイゴ</t>
    </rPh>
    <phoneticPr fontId="5"/>
  </si>
  <si>
    <t>076-461-7775</t>
  </si>
  <si>
    <t>富山市石屋237番地</t>
  </si>
  <si>
    <t>076-438-8744</t>
  </si>
  <si>
    <t>076-432-1199</t>
  </si>
  <si>
    <t>076-491-0300</t>
  </si>
  <si>
    <t>076-429-5740</t>
  </si>
  <si>
    <t>エンジョイライフ居宅介護支援事業所</t>
    <rPh sb="8" eb="10">
      <t>キョタク</t>
    </rPh>
    <rPh sb="10" eb="17">
      <t>カイゴシエンジギョウショ</t>
    </rPh>
    <phoneticPr fontId="5"/>
  </si>
  <si>
    <t>富山市婦中町上田島３２－２</t>
    <rPh sb="0" eb="3">
      <t>トヤマシ</t>
    </rPh>
    <rPh sb="3" eb="6">
      <t>フチュウマチ</t>
    </rPh>
    <rPh sb="6" eb="8">
      <t>ウエダ</t>
    </rPh>
    <rPh sb="8" eb="9">
      <t>シマ</t>
    </rPh>
    <phoneticPr fontId="6"/>
  </si>
  <si>
    <t>076-482-5941</t>
  </si>
  <si>
    <t>076-433-7881</t>
  </si>
  <si>
    <t>076-492-8843</t>
  </si>
  <si>
    <t>西田地方</t>
  </si>
  <si>
    <t>076-468-9124</t>
  </si>
  <si>
    <t>076-461-6381</t>
  </si>
  <si>
    <t>9398036</t>
  </si>
  <si>
    <t>デイサービスぽんぽこ</t>
  </si>
  <si>
    <t>076-424-2211</t>
  </si>
  <si>
    <t>076-411-8388</t>
  </si>
  <si>
    <t>介護老人保健施設　シルバーケア今泉</t>
  </si>
  <si>
    <t>富山市婦中町塚原１２２</t>
    <rPh sb="0" eb="3">
      <t>トヤマシ</t>
    </rPh>
    <rPh sb="3" eb="6">
      <t>フチュウマチ</t>
    </rPh>
    <rPh sb="6" eb="8">
      <t>ツカハラ</t>
    </rPh>
    <phoneticPr fontId="5"/>
  </si>
  <si>
    <t>076-493-3636</t>
  </si>
  <si>
    <t>076-438-9255</t>
  </si>
  <si>
    <t>富山市八尾町福島１０１－１</t>
    <rPh sb="0" eb="3">
      <t>トヤマシ</t>
    </rPh>
    <rPh sb="3" eb="5">
      <t>ヤツオ</t>
    </rPh>
    <rPh sb="5" eb="6">
      <t>マチ</t>
    </rPh>
    <rPh sb="6" eb="8">
      <t>フクシマ</t>
    </rPh>
    <phoneticPr fontId="5"/>
  </si>
  <si>
    <t>富山市下新本町３番５号</t>
    <rPh sb="3" eb="7">
      <t>シモシンホンマチ</t>
    </rPh>
    <rPh sb="10" eb="11">
      <t>ゴウ</t>
    </rPh>
    <phoneticPr fontId="5"/>
  </si>
  <si>
    <t>居宅介護支援事業所ひより</t>
  </si>
  <si>
    <t>特別養護老人ホーム 喜寿苑</t>
    <rPh sb="0" eb="2">
      <t>トクベツ</t>
    </rPh>
    <rPh sb="2" eb="4">
      <t>ヨウゴ</t>
    </rPh>
    <rPh sb="4" eb="6">
      <t>ロウジン</t>
    </rPh>
    <rPh sb="10" eb="11">
      <t>ヨロコ</t>
    </rPh>
    <rPh sb="11" eb="12">
      <t>コトブキ</t>
    </rPh>
    <rPh sb="12" eb="13">
      <t>エン</t>
    </rPh>
    <phoneticPr fontId="5"/>
  </si>
  <si>
    <t>076-493-3936</t>
  </si>
  <si>
    <t>076-432-7811</t>
  </si>
  <si>
    <t>富山市婦中町下轡田90-1</t>
  </si>
  <si>
    <t>076-438-8484</t>
  </si>
  <si>
    <t>正栄ウェルフェア訪問介護事業所</t>
  </si>
  <si>
    <t>076-451-1000</t>
  </si>
  <si>
    <t>076-427-0720</t>
  </si>
  <si>
    <t>富山市花崎８０番地</t>
    <rPh sb="0" eb="3">
      <t>トヤマシ</t>
    </rPh>
    <rPh sb="3" eb="4">
      <t>ハナ</t>
    </rPh>
    <rPh sb="4" eb="5">
      <t>サキ</t>
    </rPh>
    <rPh sb="7" eb="9">
      <t>バンチ</t>
    </rPh>
    <phoneticPr fontId="5"/>
  </si>
  <si>
    <t>076-451-8015</t>
  </si>
  <si>
    <t>076-471-8559</t>
  </si>
  <si>
    <t>076-407-4026</t>
  </si>
  <si>
    <t>大山</t>
    <rPh sb="0" eb="2">
      <t>オオヤマ</t>
    </rPh>
    <phoneticPr fontId="5"/>
  </si>
  <si>
    <t>富山県看護協会ひよどり富山居宅介護支援事業所</t>
  </si>
  <si>
    <t>076-481-7737</t>
  </si>
  <si>
    <t>076-494-8281</t>
  </si>
  <si>
    <t>076-481-7738</t>
  </si>
  <si>
    <t>ソワン訪問看護ステーション</t>
    <rPh sb="3" eb="7">
      <t>ホウモンカンゴ</t>
    </rPh>
    <phoneticPr fontId="5"/>
  </si>
  <si>
    <t>076-425-7661</t>
  </si>
  <si>
    <t>富山市中田一丁目11番16号</t>
  </si>
  <si>
    <t>076-494-8756</t>
  </si>
  <si>
    <t>不二越病院訪問看護ステーション</t>
  </si>
  <si>
    <t>大広田</t>
    <rPh sb="0" eb="3">
      <t>オオヒロタ</t>
    </rPh>
    <phoneticPr fontId="5"/>
  </si>
  <si>
    <t>076-468-8111</t>
  </si>
  <si>
    <t>076-494-8755</t>
  </si>
  <si>
    <t>076-451-4411</t>
  </si>
  <si>
    <t>076-431-2422</t>
  </si>
  <si>
    <t>地域密着型特別養護老人ホーム ささづ苑</t>
    <rPh sb="0" eb="2">
      <t>チイキ</t>
    </rPh>
    <rPh sb="2" eb="4">
      <t>ミッチャク</t>
    </rPh>
    <rPh sb="4" eb="5">
      <t>ガタ</t>
    </rPh>
    <rPh sb="5" eb="7">
      <t>トクベツ</t>
    </rPh>
    <rPh sb="7" eb="9">
      <t>ヨウゴ</t>
    </rPh>
    <rPh sb="9" eb="11">
      <t>ロウジン</t>
    </rPh>
    <rPh sb="18" eb="19">
      <t>エン</t>
    </rPh>
    <phoneticPr fontId="5"/>
  </si>
  <si>
    <t>076-494-1566</t>
  </si>
  <si>
    <t>1670105046</t>
  </si>
  <si>
    <t>サカヰ産業株式会社　富山総合ガスセンター</t>
    <rPh sb="12" eb="14">
      <t>ソウゴウ</t>
    </rPh>
    <phoneticPr fontId="5"/>
  </si>
  <si>
    <t>介護老人保健施設みどり苑</t>
  </si>
  <si>
    <t>富山市婦中町上轡田806番地1</t>
  </si>
  <si>
    <t>076-411-9158</t>
  </si>
  <si>
    <t>076-411-8133</t>
  </si>
  <si>
    <t>富山市掛尾町520番地1</t>
    <rPh sb="9" eb="11">
      <t>バンチ</t>
    </rPh>
    <phoneticPr fontId="5"/>
  </si>
  <si>
    <t>076-492-8841</t>
  </si>
  <si>
    <t>新保</t>
    <rPh sb="0" eb="2">
      <t>シンボ</t>
    </rPh>
    <phoneticPr fontId="5"/>
  </si>
  <si>
    <t>076-464-5116</t>
  </si>
  <si>
    <t>076-461-4331</t>
  </si>
  <si>
    <t>かえでデイサービス石坂</t>
  </si>
  <si>
    <t>076-424-9022</t>
  </si>
  <si>
    <t>富山市高屋敷65番地1</t>
  </si>
  <si>
    <t>076-437-8088</t>
  </si>
  <si>
    <t>富山市手屋三丁目８番４０号</t>
  </si>
  <si>
    <t>076-428-1810</t>
  </si>
  <si>
    <t>076-420-3405</t>
  </si>
  <si>
    <t>076-471-8644</t>
  </si>
  <si>
    <t>076-461-7830</t>
  </si>
  <si>
    <t>三郷</t>
    <rPh sb="0" eb="2">
      <t>ミサト</t>
    </rPh>
    <phoneticPr fontId="5"/>
  </si>
  <si>
    <t>富山市東岩瀬町275番地</t>
  </si>
  <si>
    <t>076-483-3111</t>
  </si>
  <si>
    <t>076-425-0888</t>
  </si>
  <si>
    <t>076-425-7662</t>
  </si>
  <si>
    <t>富山城南病院介護医療院</t>
    <rPh sb="0" eb="2">
      <t>トヤマ</t>
    </rPh>
    <rPh sb="2" eb="4">
      <t>ジョウナン</t>
    </rPh>
    <rPh sb="4" eb="6">
      <t>ビョウイン</t>
    </rPh>
    <rPh sb="6" eb="8">
      <t>カイゴ</t>
    </rPh>
    <rPh sb="8" eb="10">
      <t>イリョウ</t>
    </rPh>
    <rPh sb="10" eb="11">
      <t>イン</t>
    </rPh>
    <phoneticPr fontId="5"/>
  </si>
  <si>
    <t>076-443-3855</t>
  </si>
  <si>
    <t>076-483-3311</t>
  </si>
  <si>
    <t>076-452-5885</t>
  </si>
  <si>
    <t>富山市西田地方町二丁目１２番３号</t>
  </si>
  <si>
    <t>076-483-3313</t>
  </si>
  <si>
    <t>076-407-1567</t>
  </si>
  <si>
    <t>予防サービス</t>
    <rPh sb="0" eb="2">
      <t>ヨボウ</t>
    </rPh>
    <phoneticPr fontId="5"/>
  </si>
  <si>
    <t>富山市大江干34番地１</t>
  </si>
  <si>
    <t>076-438-7021</t>
  </si>
  <si>
    <t>076-468-4111</t>
  </si>
  <si>
    <t>076-479-9650</t>
  </si>
  <si>
    <t>076-436-7816</t>
  </si>
  <si>
    <t>デイサービスまみーずがーでん</t>
  </si>
  <si>
    <t>富山市堀川町３０３－１　PLAZA堀川３１２号室</t>
    <rPh sb="3" eb="6">
      <t>ホリカワマチ</t>
    </rPh>
    <rPh sb="17" eb="19">
      <t>ホリカワ</t>
    </rPh>
    <rPh sb="22" eb="24">
      <t>ゴウシツ</t>
    </rPh>
    <phoneticPr fontId="5"/>
  </si>
  <si>
    <t>076-428-3334</t>
  </si>
  <si>
    <t>076-451-1267</t>
  </si>
  <si>
    <t>デイサービスすまいる</t>
  </si>
  <si>
    <t>076-451-1016</t>
  </si>
  <si>
    <t>ヘルパーステーションありがとうホーム</t>
  </si>
  <si>
    <t>富山市清水町二丁目６番２３号</t>
    <rPh sb="0" eb="3">
      <t>トヤマシ</t>
    </rPh>
    <rPh sb="6" eb="9">
      <t>２チョウメ</t>
    </rPh>
    <rPh sb="10" eb="11">
      <t>バン</t>
    </rPh>
    <rPh sb="13" eb="14">
      <t>ゴウ</t>
    </rPh>
    <phoneticPr fontId="5"/>
  </si>
  <si>
    <t>076-468-4112</t>
  </si>
  <si>
    <t>076-422-2341</t>
  </si>
  <si>
    <t>富山市丸の内一丁目７番１１号</t>
  </si>
  <si>
    <t>あしたねの森ショートステイ</t>
  </si>
  <si>
    <t>076-469-1001</t>
  </si>
  <si>
    <t>藤ノ木</t>
    <rPh sb="0" eb="1">
      <t>フジ</t>
    </rPh>
    <rPh sb="2" eb="3">
      <t>キ</t>
    </rPh>
    <phoneticPr fontId="5"/>
  </si>
  <si>
    <t>ソーロング株式会社</t>
    <rPh sb="5" eb="9">
      <t>カブシキガイシャ</t>
    </rPh>
    <phoneticPr fontId="5"/>
  </si>
  <si>
    <t>ファミリーサポートアミーゴ</t>
  </si>
  <si>
    <t>富山市花崎８５</t>
    <rPh sb="0" eb="3">
      <t>トヤマシ</t>
    </rPh>
    <rPh sb="3" eb="5">
      <t>ハナサキ</t>
    </rPh>
    <phoneticPr fontId="5"/>
  </si>
  <si>
    <t>076-437-1180</t>
  </si>
  <si>
    <t>西田地方</t>
    <rPh sb="0" eb="2">
      <t>ニシダ</t>
    </rPh>
    <rPh sb="2" eb="4">
      <t>チホウ</t>
    </rPh>
    <phoneticPr fontId="5"/>
  </si>
  <si>
    <t>076-491-5858</t>
  </si>
  <si>
    <t>倉垣</t>
    <rPh sb="0" eb="1">
      <t>クラ</t>
    </rPh>
    <rPh sb="1" eb="2">
      <t>カキ</t>
    </rPh>
    <phoneticPr fontId="5"/>
  </si>
  <si>
    <t>076-421-2778</t>
  </si>
  <si>
    <t>富山市小中290番地１</t>
  </si>
  <si>
    <t>076-415-8778</t>
  </si>
  <si>
    <t>富山市上千俵町98番地１</t>
  </si>
  <si>
    <t>076-494-1378</t>
  </si>
  <si>
    <t>076-433-1285</t>
  </si>
  <si>
    <t>富山市黒崎６１２番地１</t>
  </si>
  <si>
    <t>076-437-4544</t>
  </si>
  <si>
    <t>笑ひデイサービス</t>
    <rPh sb="0" eb="1">
      <t>ワラ</t>
    </rPh>
    <phoneticPr fontId="6"/>
  </si>
  <si>
    <t>富山市小西170番地</t>
  </si>
  <si>
    <t>訪問介護ステーション笑～にこ～</t>
  </si>
  <si>
    <t>富山市富岡町365番地</t>
  </si>
  <si>
    <t>ヘルパーステーション　針原</t>
  </si>
  <si>
    <r>
      <t>076-</t>
    </r>
    <r>
      <rPr>
        <sz val="11"/>
        <rFont val="ＭＳ Ｐゴシック"/>
        <family val="3"/>
        <charset val="128"/>
      </rPr>
      <t>464-3383</t>
    </r>
  </si>
  <si>
    <t>076-425-1208</t>
  </si>
  <si>
    <t>新保</t>
  </si>
  <si>
    <t>和合ハイツデイサ－ビスセンタ－</t>
  </si>
  <si>
    <t>076-405-1510</t>
  </si>
  <si>
    <t>076-407-1667</t>
  </si>
  <si>
    <t>076-433-8853</t>
  </si>
  <si>
    <t>076-425-0818</t>
  </si>
  <si>
    <t>富山市古沢332-1</t>
    <rPh sb="3" eb="5">
      <t>フルサワ</t>
    </rPh>
    <phoneticPr fontId="5"/>
  </si>
  <si>
    <t>076-433-5845</t>
  </si>
  <si>
    <t>水橋西部</t>
    <rPh sb="0" eb="2">
      <t>ミズハシ</t>
    </rPh>
    <rPh sb="2" eb="4">
      <t>セイブ</t>
    </rPh>
    <phoneticPr fontId="5"/>
  </si>
  <si>
    <t>076-433-5687</t>
  </si>
  <si>
    <t>ソレイユ居宅介護支援事業所</t>
  </si>
  <si>
    <t>富山市堀川小泉町一丁目１０番８号　日之出ハイツ１０２</t>
    <rPh sb="0" eb="3">
      <t>トヤマシ</t>
    </rPh>
    <rPh sb="3" eb="5">
      <t>ホリカワ</t>
    </rPh>
    <rPh sb="5" eb="6">
      <t>コ</t>
    </rPh>
    <rPh sb="6" eb="7">
      <t>イズミ</t>
    </rPh>
    <rPh sb="7" eb="8">
      <t>マチ</t>
    </rPh>
    <rPh sb="8" eb="11">
      <t>イッチョウメ</t>
    </rPh>
    <rPh sb="13" eb="14">
      <t>バン</t>
    </rPh>
    <rPh sb="15" eb="16">
      <t>ゴウ</t>
    </rPh>
    <rPh sb="17" eb="20">
      <t>ヒノデ</t>
    </rPh>
    <phoneticPr fontId="5"/>
  </si>
  <si>
    <t>梨雲苑ヘルパーセンター</t>
  </si>
  <si>
    <t>しみずまち敬寿苑訪問看護ステーション</t>
  </si>
  <si>
    <t>事業所郵便番号</t>
  </si>
  <si>
    <t>富山市星井町二丁目７番40号</t>
  </si>
  <si>
    <t>所在地</t>
  </si>
  <si>
    <t>富山市高畠町一丁目10番17号</t>
  </si>
  <si>
    <t>電話番号</t>
  </si>
  <si>
    <t>076-420-5860</t>
  </si>
  <si>
    <t>076-461-7645</t>
  </si>
  <si>
    <t>FAX番号</t>
  </si>
  <si>
    <t>翠十字会居宅介護支援事業所</t>
  </si>
  <si>
    <t>敬寿苑ホームヘルパーステーション</t>
  </si>
  <si>
    <t>定員</t>
    <rPh sb="0" eb="2">
      <t>テイイン</t>
    </rPh>
    <phoneticPr fontId="5"/>
  </si>
  <si>
    <t>晴風荘デイサービスセンターうみかぜ</t>
  </si>
  <si>
    <t>090-1267-0888</t>
  </si>
  <si>
    <t>076-493-3096</t>
  </si>
  <si>
    <t>076-482-6685</t>
  </si>
  <si>
    <t>PDハウス富山訪問看護ステーション</t>
  </si>
  <si>
    <t>富山市布目1966番地の１</t>
  </si>
  <si>
    <t>富山市石坂３３２２番地１</t>
    <rPh sb="3" eb="5">
      <t>イシサカ</t>
    </rPh>
    <rPh sb="9" eb="11">
      <t>バンチ</t>
    </rPh>
    <phoneticPr fontId="5"/>
  </si>
  <si>
    <t>076-429-8070</t>
  </si>
  <si>
    <t>富山市藤木893番地</t>
  </si>
  <si>
    <r>
      <t>076-</t>
    </r>
    <r>
      <rPr>
        <sz val="11"/>
        <rFont val="ＭＳ Ｐゴシック"/>
        <family val="3"/>
        <charset val="128"/>
      </rPr>
      <t>436-0771</t>
    </r>
  </si>
  <si>
    <t>090-3934-4254</t>
  </si>
  <si>
    <t>076-471-5002</t>
  </si>
  <si>
    <t>ヘルパーステーション花みずき弐番館</t>
  </si>
  <si>
    <t>富山市八尾町奥田80番地</t>
  </si>
  <si>
    <t>富山市千石町四丁目5番1号</t>
  </si>
  <si>
    <t>富山市不二越町１番８号</t>
    <rPh sb="0" eb="7">
      <t>トヤマシフジコシマチ</t>
    </rPh>
    <rPh sb="8" eb="9">
      <t>バン</t>
    </rPh>
    <rPh sb="10" eb="11">
      <t>ゴウ</t>
    </rPh>
    <phoneticPr fontId="5"/>
  </si>
  <si>
    <t>有限会社メディカル商会</t>
  </si>
  <si>
    <t>梨雲苑デイ・サービスセンター</t>
  </si>
  <si>
    <t>076-431-4975</t>
  </si>
  <si>
    <t>富山市太田2204番地</t>
    <rPh sb="3" eb="5">
      <t>オオタ</t>
    </rPh>
    <phoneticPr fontId="5"/>
  </si>
  <si>
    <t>富山市茶屋町４４１番地３</t>
    <rPh sb="0" eb="3">
      <t>トヤマシ</t>
    </rPh>
    <rPh sb="3" eb="6">
      <t>チャヤマチ</t>
    </rPh>
    <rPh sb="9" eb="11">
      <t>バンチ</t>
    </rPh>
    <phoneticPr fontId="5"/>
  </si>
  <si>
    <t>富山市飯野１－２</t>
    <rPh sb="0" eb="3">
      <t>トヤマシ</t>
    </rPh>
    <rPh sb="3" eb="5">
      <t>イイノ</t>
    </rPh>
    <phoneticPr fontId="6"/>
  </si>
  <si>
    <t>076-427-0723</t>
  </si>
  <si>
    <t>076-407-1178</t>
  </si>
  <si>
    <t>076-434-1277</t>
  </si>
  <si>
    <t>富山市下堀６番地２</t>
  </si>
  <si>
    <t>特別養護老人ホーム　ソレイユ</t>
    <rPh sb="0" eb="2">
      <t>トクベツ</t>
    </rPh>
    <rPh sb="2" eb="4">
      <t>ヨウゴ</t>
    </rPh>
    <rPh sb="4" eb="6">
      <t>ロウジン</t>
    </rPh>
    <phoneticPr fontId="5"/>
  </si>
  <si>
    <t>えいる</t>
  </si>
  <si>
    <t>富山市鍋田４番３０号</t>
    <rPh sb="0" eb="5">
      <t>トヤマシナベタ</t>
    </rPh>
    <rPh sb="6" eb="7">
      <t>バン</t>
    </rPh>
    <rPh sb="9" eb="10">
      <t>ゴウ</t>
    </rPh>
    <phoneticPr fontId="5"/>
  </si>
  <si>
    <t>富山市水橋辻ｹ堂466番１</t>
    <rPh sb="0" eb="3">
      <t>トヤマシ</t>
    </rPh>
    <rPh sb="3" eb="5">
      <t>ミズハシ</t>
    </rPh>
    <rPh sb="5" eb="6">
      <t>ツジ</t>
    </rPh>
    <rPh sb="7" eb="8">
      <t>ドウ</t>
    </rPh>
    <rPh sb="11" eb="12">
      <t>バン</t>
    </rPh>
    <phoneticPr fontId="5"/>
  </si>
  <si>
    <t>080-1960-7448</t>
  </si>
  <si>
    <t>1670104965</t>
  </si>
  <si>
    <t>あかりケアサービス</t>
  </si>
  <si>
    <t>富山市向新庄１４０３－５　コーポレーション荏原１０１号</t>
    <rPh sb="0" eb="3">
      <t>トヤマシ</t>
    </rPh>
    <rPh sb="3" eb="4">
      <t>ムカイ</t>
    </rPh>
    <rPh sb="4" eb="6">
      <t>シンジョウ</t>
    </rPh>
    <rPh sb="21" eb="23">
      <t>エバラ</t>
    </rPh>
    <rPh sb="26" eb="27">
      <t>ゴウ</t>
    </rPh>
    <phoneticPr fontId="5"/>
  </si>
  <si>
    <t>すみれ苑居宅介護支援事業所</t>
  </si>
  <si>
    <t>076-493-8000</t>
  </si>
  <si>
    <t>076-407-4036</t>
  </si>
  <si>
    <t>076-466-5228</t>
  </si>
  <si>
    <t>太陽苑居宅介護支援事業所</t>
  </si>
  <si>
    <t>富山市婦中町長沢2584番地の６</t>
  </si>
  <si>
    <t>16B0100022</t>
  </si>
  <si>
    <t>076-479-0675</t>
  </si>
  <si>
    <t>076-428-3310</t>
  </si>
  <si>
    <t>富山市婦中町速星398番地１</t>
  </si>
  <si>
    <t>076-451-8060</t>
  </si>
  <si>
    <t>桜谷の里デイサービスセンター</t>
    <rPh sb="0" eb="2">
      <t>サクラダニ</t>
    </rPh>
    <rPh sb="3" eb="4">
      <t>サト</t>
    </rPh>
    <phoneticPr fontId="6"/>
  </si>
  <si>
    <t>076-433-4002</t>
  </si>
  <si>
    <t>076-461-8344</t>
  </si>
  <si>
    <t>076-432-5771</t>
  </si>
  <si>
    <t>ホームヘルプサービス乙姫</t>
    <rPh sb="10" eb="12">
      <t>オトヒメ</t>
    </rPh>
    <phoneticPr fontId="5"/>
  </si>
  <si>
    <t>富山市鍋田１７番５０号</t>
  </si>
  <si>
    <t>特別養護老人ホームひかり苑</t>
  </si>
  <si>
    <t>富山市西田地方町２丁目10番11</t>
  </si>
  <si>
    <t>076-403-2908</t>
  </si>
  <si>
    <t>076-461-7111</t>
  </si>
  <si>
    <t>三郷</t>
    <rPh sb="0" eb="2">
      <t>ミサト</t>
    </rPh>
    <phoneticPr fontId="6"/>
  </si>
  <si>
    <t>富山市常盤台１４番１８号</t>
    <rPh sb="3" eb="6">
      <t>トキワダイ</t>
    </rPh>
    <rPh sb="8" eb="9">
      <t>バン</t>
    </rPh>
    <rPh sb="11" eb="12">
      <t>ゴウ</t>
    </rPh>
    <phoneticPr fontId="5"/>
  </si>
  <si>
    <t>076-478-5681</t>
  </si>
  <si>
    <t>076-439-1551</t>
  </si>
  <si>
    <t>ソフィアメディ訪問看護ステーション富山</t>
  </si>
  <si>
    <t>富山市下堀５０－６</t>
    <rPh sb="0" eb="3">
      <t>トヤマシ</t>
    </rPh>
    <rPh sb="3" eb="4">
      <t>シタ</t>
    </rPh>
    <rPh sb="4" eb="5">
      <t>ホリ</t>
    </rPh>
    <phoneticPr fontId="5"/>
  </si>
  <si>
    <t>076-465-2134</t>
  </si>
  <si>
    <t>富山医療生活協同組合在宅福祉総合センターきずな</t>
  </si>
  <si>
    <t>076-467-0777</t>
  </si>
  <si>
    <t>076-469-1003</t>
  </si>
  <si>
    <t>晴風荘居宅介護支援事業所</t>
  </si>
  <si>
    <t>076-429-6749</t>
  </si>
  <si>
    <t>富山市金代１２４番地</t>
    <rPh sb="0" eb="3">
      <t>トヤマシ</t>
    </rPh>
    <rPh sb="3" eb="4">
      <t>キン</t>
    </rPh>
    <rPh sb="4" eb="5">
      <t>ダイ</t>
    </rPh>
    <rPh sb="8" eb="10">
      <t>バンチ</t>
    </rPh>
    <phoneticPr fontId="5"/>
  </si>
  <si>
    <t>076-456-1498</t>
  </si>
  <si>
    <t>076-494-8280</t>
  </si>
  <si>
    <t>安野屋</t>
    <rPh sb="0" eb="3">
      <t>ヤスノヤ</t>
    </rPh>
    <phoneticPr fontId="5"/>
  </si>
  <si>
    <t>富山市四方荒屋３２２３番地</t>
    <rPh sb="0" eb="3">
      <t>トヤマシ</t>
    </rPh>
    <rPh sb="3" eb="4">
      <t>ヨ</t>
    </rPh>
    <rPh sb="4" eb="5">
      <t>カタ</t>
    </rPh>
    <rPh sb="5" eb="7">
      <t>アラヤ</t>
    </rPh>
    <rPh sb="11" eb="13">
      <t>バンチ</t>
    </rPh>
    <phoneticPr fontId="6"/>
  </si>
  <si>
    <t>富山市水橋辻ケ堂４６６番８</t>
    <rPh sb="5" eb="6">
      <t>ツジ</t>
    </rPh>
    <rPh sb="7" eb="8">
      <t>ドウ</t>
    </rPh>
    <rPh sb="11" eb="12">
      <t>バン</t>
    </rPh>
    <phoneticPr fontId="5"/>
  </si>
  <si>
    <t>うちやま居宅介護支援事業所</t>
  </si>
  <si>
    <t>月岡居宅介護支援事業所</t>
  </si>
  <si>
    <t>076-471-8944</t>
  </si>
  <si>
    <t>富山市向新庄町７－８－１６</t>
    <rPh sb="0" eb="3">
      <t>トヤマシ</t>
    </rPh>
    <rPh sb="3" eb="4">
      <t>ムカイ</t>
    </rPh>
    <rPh sb="4" eb="6">
      <t>シンジョウ</t>
    </rPh>
    <rPh sb="6" eb="7">
      <t>マチ</t>
    </rPh>
    <phoneticPr fontId="5"/>
  </si>
  <si>
    <t>076-479-1851</t>
  </si>
  <si>
    <t>スマイルワン</t>
  </si>
  <si>
    <t>富山市水橋辻ケ堂466番８</t>
  </si>
  <si>
    <t>076-461-6165</t>
  </si>
  <si>
    <t>076-431-7751</t>
  </si>
  <si>
    <t>富山市高畠町一丁目10-17</t>
  </si>
  <si>
    <t>076-443-0516</t>
  </si>
  <si>
    <t>076-469-6552</t>
  </si>
  <si>
    <t>青い鳥株式会社</t>
    <rPh sb="0" eb="1">
      <t>アオ</t>
    </rPh>
    <rPh sb="2" eb="3">
      <t>トリ</t>
    </rPh>
    <rPh sb="3" eb="7">
      <t>カブシキガイシャ</t>
    </rPh>
    <phoneticPr fontId="5"/>
  </si>
  <si>
    <t>076-482-3510</t>
  </si>
  <si>
    <t>ふるさと敬寿苑居宅介護支援事業所</t>
  </si>
  <si>
    <t>076-455-3807</t>
  </si>
  <si>
    <t>16B0100139</t>
  </si>
  <si>
    <t>076-492-6401</t>
  </si>
  <si>
    <t>076-492-6402</t>
  </si>
  <si>
    <t>萩浦</t>
    <rPh sb="0" eb="1">
      <t>ハギ</t>
    </rPh>
    <rPh sb="1" eb="2">
      <t>ウラ</t>
    </rPh>
    <phoneticPr fontId="6"/>
  </si>
  <si>
    <t>076-444-8590</t>
  </si>
  <si>
    <t>富山市中市２丁目８番４１号</t>
    <rPh sb="0" eb="3">
      <t>トヤマシ</t>
    </rPh>
    <rPh sb="3" eb="5">
      <t>ナカイチ</t>
    </rPh>
    <rPh sb="6" eb="8">
      <t>チョウメ</t>
    </rPh>
    <rPh sb="9" eb="10">
      <t>バン</t>
    </rPh>
    <rPh sb="12" eb="13">
      <t>ゴウ</t>
    </rPh>
    <phoneticPr fontId="5"/>
  </si>
  <si>
    <t>076-467-5009</t>
  </si>
  <si>
    <t>富山市長江本町１８番１号</t>
    <rPh sb="3" eb="5">
      <t>ナガエ</t>
    </rPh>
    <rPh sb="5" eb="7">
      <t>ホンマチ</t>
    </rPh>
    <rPh sb="9" eb="10">
      <t>バン</t>
    </rPh>
    <rPh sb="11" eb="12">
      <t>ゴウ</t>
    </rPh>
    <phoneticPr fontId="5"/>
  </si>
  <si>
    <t>富山市上赤江町一丁目１２番６号</t>
  </si>
  <si>
    <t>富山市上千俵９８－１</t>
  </si>
  <si>
    <t>ダスキンヘルスレント富山ステーション</t>
  </si>
  <si>
    <t>富山市八尾町奥田８０</t>
    <rPh sb="0" eb="3">
      <t>トヤマシ</t>
    </rPh>
    <rPh sb="3" eb="6">
      <t>ヤツオマチ</t>
    </rPh>
    <rPh sb="6" eb="8">
      <t>オクダ</t>
    </rPh>
    <phoneticPr fontId="5"/>
  </si>
  <si>
    <t>076-407-5170</t>
  </si>
  <si>
    <t>ショートステイ　みんなの輪　おおみや</t>
  </si>
  <si>
    <t>デイサービスくつろぎ日和</t>
    <rPh sb="10" eb="12">
      <t>ヒヨリ</t>
    </rPh>
    <phoneticPr fontId="6"/>
  </si>
  <si>
    <t>日本海綿業株式会社</t>
  </si>
  <si>
    <t>富山市大宮町24</t>
  </si>
  <si>
    <t>有限会社中央ケアーサポート</t>
  </si>
  <si>
    <t>なごなるの家</t>
  </si>
  <si>
    <t>ケアプランセンターリーフ</t>
  </si>
  <si>
    <t>大沢野</t>
    <rPh sb="0" eb="2">
      <t>オオサワ</t>
    </rPh>
    <rPh sb="2" eb="3">
      <t>ノ</t>
    </rPh>
    <phoneticPr fontId="5"/>
  </si>
  <si>
    <t>デイサービスにながわ</t>
  </si>
  <si>
    <t>あい訪問介護センター</t>
  </si>
  <si>
    <t>076-425-1207</t>
  </si>
  <si>
    <t>076-428-3335</t>
  </si>
  <si>
    <t>076-467-5220</t>
  </si>
  <si>
    <t>富山市上千俵町９８－１</t>
  </si>
  <si>
    <t>シルバーサポート富山店</t>
    <rPh sb="8" eb="10">
      <t>トヤマ</t>
    </rPh>
    <rPh sb="10" eb="11">
      <t>テン</t>
    </rPh>
    <phoneticPr fontId="5"/>
  </si>
  <si>
    <t>076-422-5970</t>
  </si>
  <si>
    <t>076-435-6512</t>
  </si>
  <si>
    <t>076-478-3363</t>
  </si>
  <si>
    <t>076-491-4375</t>
  </si>
  <si>
    <t>富山市月岡町二丁目189番地</t>
  </si>
  <si>
    <t>富山市月岡町四丁目171-1</t>
  </si>
  <si>
    <t>富山市丸の内三丁目３番22号</t>
  </si>
  <si>
    <t>076-469-5033</t>
  </si>
  <si>
    <t>富山市吉作４２６１－５</t>
    <rPh sb="3" eb="5">
      <t>ヨシヅクリ</t>
    </rPh>
    <phoneticPr fontId="5"/>
  </si>
  <si>
    <t>富山市八尾町福島七丁目42番地</t>
  </si>
  <si>
    <t>富山市中川原４３番地１</t>
  </si>
  <si>
    <t>計</t>
    <rPh sb="0" eb="1">
      <t>ケイ</t>
    </rPh>
    <phoneticPr fontId="5"/>
  </si>
  <si>
    <t>076-433-7873</t>
  </si>
  <si>
    <t>076-478-0418</t>
  </si>
  <si>
    <t>八幡</t>
    <rPh sb="0" eb="2">
      <t>ハチマン</t>
    </rPh>
    <phoneticPr fontId="5"/>
  </si>
  <si>
    <t>合同会社サポートハウス牧さん家</t>
  </si>
  <si>
    <t>076-478-2579</t>
  </si>
  <si>
    <t>076-471-6203</t>
  </si>
  <si>
    <t>076-493-3068</t>
  </si>
  <si>
    <t>076-437-8944</t>
  </si>
  <si>
    <t>076-491-5514</t>
  </si>
  <si>
    <t>富山市千石町六丁目３番７号</t>
    <rPh sb="0" eb="6">
      <t>トヤマシセンゴクマチ</t>
    </rPh>
    <rPh sb="6" eb="9">
      <t>6チョウメ</t>
    </rPh>
    <rPh sb="10" eb="11">
      <t>バン</t>
    </rPh>
    <rPh sb="12" eb="13">
      <t>ゴウ</t>
    </rPh>
    <phoneticPr fontId="5"/>
  </si>
  <si>
    <t>076-420-1051</t>
  </si>
  <si>
    <t>梨雲苑指定居宅介護支援事業所</t>
  </si>
  <si>
    <t>富山市蜷川89</t>
  </si>
  <si>
    <t>介護老人保健施設レインボー</t>
    <rPh sb="0" eb="2">
      <t>カイゴ</t>
    </rPh>
    <phoneticPr fontId="5"/>
  </si>
  <si>
    <t>076-429-0203</t>
  </si>
  <si>
    <t>山室</t>
    <rPh sb="0" eb="2">
      <t>ヤマムロ</t>
    </rPh>
    <phoneticPr fontId="5"/>
  </si>
  <si>
    <t>076-413-7607</t>
  </si>
  <si>
    <t>076-429-3682</t>
  </si>
  <si>
    <t>076-494-1811</t>
  </si>
  <si>
    <t>富山市千石町５丁目３番７号</t>
    <rPh sb="3" eb="6">
      <t>センゴクマチ</t>
    </rPh>
    <rPh sb="7" eb="9">
      <t>チョウメ</t>
    </rPh>
    <rPh sb="10" eb="11">
      <t>バン</t>
    </rPh>
    <rPh sb="12" eb="13">
      <t>ゴウ</t>
    </rPh>
    <phoneticPr fontId="5"/>
  </si>
  <si>
    <t>通所介護 あい</t>
    <rPh sb="0" eb="2">
      <t>ツウショ</t>
    </rPh>
    <rPh sb="2" eb="4">
      <t>カイゴ</t>
    </rPh>
    <phoneticPr fontId="6"/>
  </si>
  <si>
    <t>076-471-8007</t>
  </si>
  <si>
    <t>株式会社スリーティ運輸ヘルスケア事業部富山営業所</t>
  </si>
  <si>
    <t>ヘルパーステーションマーガレット</t>
  </si>
  <si>
    <t>若葉会居宅介護支援事業所</t>
  </si>
  <si>
    <t>富山市上大久保618番地47</t>
  </si>
  <si>
    <t>ニチイケアセンター富山</t>
    <rPh sb="9" eb="11">
      <t>トヤマ</t>
    </rPh>
    <phoneticPr fontId="5"/>
  </si>
  <si>
    <t>生活援助</t>
    <rPh sb="0" eb="2">
      <t>セイカツ</t>
    </rPh>
    <rPh sb="2" eb="4">
      <t>エンジョ</t>
    </rPh>
    <phoneticPr fontId="5"/>
  </si>
  <si>
    <t>076-471-7948</t>
  </si>
  <si>
    <t>富山市綾田町一丁目10番18号</t>
  </si>
  <si>
    <t>076-432-1574</t>
  </si>
  <si>
    <t>八尾</t>
    <rPh sb="0" eb="2">
      <t>ヤオ</t>
    </rPh>
    <phoneticPr fontId="5"/>
  </si>
  <si>
    <t>訪問介護ステーション東の郷</t>
  </si>
  <si>
    <t>富山市下新北町６番４５号</t>
    <rPh sb="0" eb="3">
      <t>トヤマシ</t>
    </rPh>
    <rPh sb="3" eb="4">
      <t>シタ</t>
    </rPh>
    <rPh sb="4" eb="5">
      <t>シン</t>
    </rPh>
    <rPh sb="5" eb="7">
      <t>キタマチ</t>
    </rPh>
    <rPh sb="8" eb="9">
      <t>バン</t>
    </rPh>
    <rPh sb="11" eb="12">
      <t>ゴウ</t>
    </rPh>
    <phoneticPr fontId="5"/>
  </si>
  <si>
    <t>076-493-3900</t>
  </si>
  <si>
    <t>千石ケアサービス</t>
  </si>
  <si>
    <t>敬寿苑在宅介護支援センター</t>
  </si>
  <si>
    <t>さくらヘルパーステーション</t>
  </si>
  <si>
    <t>居宅介護支援事業所みらい</t>
  </si>
  <si>
    <t>富山市婦中町羽根1092番２</t>
  </si>
  <si>
    <t>富山市石坂新830番地１</t>
    <rPh sb="0" eb="3">
      <t>トヤマシ</t>
    </rPh>
    <rPh sb="3" eb="5">
      <t>イシザカ</t>
    </rPh>
    <rPh sb="5" eb="6">
      <t>シン</t>
    </rPh>
    <rPh sb="9" eb="11">
      <t>バンチ</t>
    </rPh>
    <phoneticPr fontId="5"/>
  </si>
  <si>
    <t>富山市栗山沢下割900番地</t>
  </si>
  <si>
    <t>富山市町村69番地1</t>
  </si>
  <si>
    <t>シルバーケア栗山在宅介護支援センター</t>
  </si>
  <si>
    <t>富山リハビリ居宅介護支援事業所</t>
  </si>
  <si>
    <t>076-482-6027</t>
  </si>
  <si>
    <t>076-438-3058</t>
  </si>
  <si>
    <t>ツクイ富山</t>
  </si>
  <si>
    <t>しおんの家居宅介護支援事業所</t>
  </si>
  <si>
    <t>076-427-1228</t>
  </si>
  <si>
    <t>デイサービスセンターふる里の風　堀川</t>
  </si>
  <si>
    <t>老人保健施設レインボー</t>
  </si>
  <si>
    <t>富山市大島３丁目１４７番地</t>
  </si>
  <si>
    <t>とやまケアセンターそよ風</t>
  </si>
  <si>
    <t>デイサービスきたえるーむ富山奥田</t>
    <rPh sb="12" eb="14">
      <t>トヤマ</t>
    </rPh>
    <rPh sb="14" eb="16">
      <t>オクダ</t>
    </rPh>
    <phoneticPr fontId="6"/>
  </si>
  <si>
    <t>9398178</t>
  </si>
  <si>
    <t>チューリップ苑在宅介護支援センター</t>
  </si>
  <si>
    <t>在宅福祉総合センターえがおデイサービスセンター</t>
    <rPh sb="0" eb="2">
      <t>ザイタク</t>
    </rPh>
    <rPh sb="2" eb="4">
      <t>フクシ</t>
    </rPh>
    <rPh sb="4" eb="6">
      <t>ソウゴウ</t>
    </rPh>
    <phoneticPr fontId="6"/>
  </si>
  <si>
    <t>富山市秋吉147番地1</t>
    <rPh sb="3" eb="5">
      <t>アキヨシ</t>
    </rPh>
    <rPh sb="8" eb="10">
      <t>バンチ</t>
    </rPh>
    <phoneticPr fontId="5"/>
  </si>
  <si>
    <t>076-451-4321</t>
  </si>
  <si>
    <t>富山市西荒屋５４６番地　スカイビル１０２号</t>
    <rPh sb="0" eb="3">
      <t>トヤマシ</t>
    </rPh>
    <rPh sb="3" eb="6">
      <t>ニシアラヤ</t>
    </rPh>
    <rPh sb="9" eb="11">
      <t>バンチ</t>
    </rPh>
    <rPh sb="20" eb="21">
      <t>ゴウ</t>
    </rPh>
    <phoneticPr fontId="5"/>
  </si>
  <si>
    <t>富山市秋ヶ島１４６－１</t>
    <rPh sb="0" eb="3">
      <t>トヤマシ</t>
    </rPh>
    <rPh sb="3" eb="4">
      <t>アキ</t>
    </rPh>
    <rPh sb="5" eb="6">
      <t>シマ</t>
    </rPh>
    <phoneticPr fontId="6"/>
  </si>
  <si>
    <t>かたおかケアマネジャー事務所</t>
    <rPh sb="11" eb="13">
      <t>ジム</t>
    </rPh>
    <rPh sb="13" eb="14">
      <t>ショ</t>
    </rPh>
    <phoneticPr fontId="5"/>
  </si>
  <si>
    <t>076-433-8800</t>
  </si>
  <si>
    <t>076-433-8005</t>
  </si>
  <si>
    <t>076-425-8650</t>
  </si>
  <si>
    <t>076-454-5300</t>
  </si>
  <si>
    <t>076-431-2419</t>
  </si>
  <si>
    <t>富山市下堀５０－６</t>
    <rPh sb="0" eb="3">
      <t>トヤマシ</t>
    </rPh>
    <rPh sb="3" eb="4">
      <t>シタ</t>
    </rPh>
    <rPh sb="4" eb="5">
      <t>ホリ</t>
    </rPh>
    <phoneticPr fontId="6"/>
  </si>
  <si>
    <t>株式会社アポケアとやま</t>
  </si>
  <si>
    <t>奥田地区居宅介護支援事業所</t>
  </si>
  <si>
    <t>076-461-7185</t>
  </si>
  <si>
    <t>076-432-5770</t>
  </si>
  <si>
    <t>介護老人保健施設仁泉メディケア</t>
  </si>
  <si>
    <t>富山市小中２９０－１</t>
  </si>
  <si>
    <t>076-468-9123</t>
  </si>
  <si>
    <t>076-433-5704</t>
  </si>
  <si>
    <t>富山市吉作３６４－２</t>
    <rPh sb="0" eb="3">
      <t>トヤマシ</t>
    </rPh>
    <rPh sb="3" eb="4">
      <t>ヨシ</t>
    </rPh>
    <rPh sb="4" eb="5">
      <t>ツク</t>
    </rPh>
    <phoneticPr fontId="6"/>
  </si>
  <si>
    <t>ＪＡあおば居宅介護支援センター</t>
  </si>
  <si>
    <t>富山市高木2481-６</t>
  </si>
  <si>
    <t>富山市堀川町374番地2</t>
    <rPh sb="3" eb="6">
      <t>ホリカワマチ</t>
    </rPh>
    <rPh sb="9" eb="11">
      <t>バンチ</t>
    </rPh>
    <phoneticPr fontId="5"/>
  </si>
  <si>
    <t>ささづ苑居宅介護支援センター</t>
  </si>
  <si>
    <t>特別養護老人ホーム　和合ハイツ</t>
  </si>
  <si>
    <t>076-435-3339</t>
  </si>
  <si>
    <t>富山市今泉西部町１番地の３</t>
  </si>
  <si>
    <t>デイサービスセンターふなん苑</t>
    <rPh sb="13" eb="14">
      <t>エン</t>
    </rPh>
    <phoneticPr fontId="6"/>
  </si>
  <si>
    <t>富山市水橋川原町63番地</t>
  </si>
  <si>
    <t>富山市上袋712</t>
  </si>
  <si>
    <t>076-424-7003</t>
  </si>
  <si>
    <t>076-420-5254</t>
  </si>
  <si>
    <t>ハッピーとやま</t>
  </si>
  <si>
    <t>まごのて居宅介護支援事業所</t>
  </si>
  <si>
    <t>富山市稲荷元町2丁目8番9号　アクトピアトヤマ1階</t>
  </si>
  <si>
    <t>9398211</t>
  </si>
  <si>
    <t>三寿苑居宅介護支援事業所</t>
  </si>
  <si>
    <t>076-411-5161</t>
  </si>
  <si>
    <t>ヘルパーセンターコロネット</t>
  </si>
  <si>
    <t>訪問看護ステーション呉羽</t>
  </si>
  <si>
    <t>富山市上袋６５５番地</t>
    <rPh sb="0" eb="5">
      <t>トヤマシカミフクロ</t>
    </rPh>
    <rPh sb="8" eb="10">
      <t>バンチ</t>
    </rPh>
    <phoneticPr fontId="5"/>
  </si>
  <si>
    <t>076-411-9228</t>
  </si>
  <si>
    <t>富山市根塚町３丁目９－１２</t>
    <rPh sb="0" eb="3">
      <t>トヤマシ</t>
    </rPh>
    <rPh sb="3" eb="6">
      <t>ネヅカマチ</t>
    </rPh>
    <rPh sb="7" eb="9">
      <t>チョウメ</t>
    </rPh>
    <phoneticPr fontId="5"/>
  </si>
  <si>
    <t>デイサービスてんまり</t>
  </si>
  <si>
    <t>076-433-1321</t>
  </si>
  <si>
    <t>富山市荒川一丁目１番88号</t>
    <rPh sb="0" eb="3">
      <t>トヤマシ</t>
    </rPh>
    <rPh sb="3" eb="5">
      <t>アラカワ</t>
    </rPh>
    <rPh sb="5" eb="8">
      <t>イッチョウメ</t>
    </rPh>
    <rPh sb="9" eb="10">
      <t>バン</t>
    </rPh>
    <rPh sb="12" eb="13">
      <t>ゴウ</t>
    </rPh>
    <phoneticPr fontId="5"/>
  </si>
  <si>
    <t>076-491-6333</t>
  </si>
  <si>
    <t>富山市天正寺484番地１</t>
    <rPh sb="0" eb="3">
      <t>トヤマシ</t>
    </rPh>
    <rPh sb="3" eb="4">
      <t>テン</t>
    </rPh>
    <rPh sb="4" eb="5">
      <t>タダ</t>
    </rPh>
    <rPh sb="5" eb="6">
      <t>テラ</t>
    </rPh>
    <rPh sb="9" eb="11">
      <t>バンチ</t>
    </rPh>
    <phoneticPr fontId="5"/>
  </si>
  <si>
    <t>076-494-1212</t>
  </si>
  <si>
    <t>奥田</t>
    <rPh sb="0" eb="2">
      <t>オクダ</t>
    </rPh>
    <phoneticPr fontId="5"/>
  </si>
  <si>
    <t>076-481-7112</t>
  </si>
  <si>
    <t>富山市水橋新堀１７番地１</t>
  </si>
  <si>
    <t>富山医療生活協同組合　在宅福祉総合センターひまわり</t>
  </si>
  <si>
    <t>アルペンヘルパ－ステ－ション</t>
  </si>
  <si>
    <t>076-411-0310</t>
  </si>
  <si>
    <t>076-434-2167</t>
  </si>
  <si>
    <t>清水町</t>
    <rPh sb="0" eb="3">
      <t>シミズマチ</t>
    </rPh>
    <phoneticPr fontId="5"/>
  </si>
  <si>
    <t>076-495-9338</t>
  </si>
  <si>
    <t>076-439-1555</t>
  </si>
  <si>
    <t>076-467-2005</t>
  </si>
  <si>
    <t>居宅介護支援事業所コスモスの里</t>
  </si>
  <si>
    <t>076-451-2569</t>
  </si>
  <si>
    <t>076-441-4922</t>
  </si>
  <si>
    <t>富山市中島四丁目２番14号</t>
  </si>
  <si>
    <t>富山市呉羽町２１６４番地１</t>
  </si>
  <si>
    <t>株式会社メディペック富山営業所</t>
  </si>
  <si>
    <t>076-425-6953</t>
  </si>
  <si>
    <t>富山市中野新２９番地１</t>
    <rPh sb="0" eb="3">
      <t>トヤマシ</t>
    </rPh>
    <rPh sb="3" eb="5">
      <t>ナカノ</t>
    </rPh>
    <rPh sb="5" eb="6">
      <t>シン</t>
    </rPh>
    <rPh sb="8" eb="10">
      <t>バンチ</t>
    </rPh>
    <phoneticPr fontId="5"/>
  </si>
  <si>
    <t>山口ハウステクノ株式会社</t>
  </si>
  <si>
    <t>佐伯病院居宅介護支援事業所</t>
  </si>
  <si>
    <t>076-451-2570</t>
  </si>
  <si>
    <t>ふなん苑居宅介護支援事業所</t>
  </si>
  <si>
    <t>介護老人保健施設　みわ苑</t>
    <rPh sb="0" eb="2">
      <t>カイゴ</t>
    </rPh>
    <phoneticPr fontId="6"/>
  </si>
  <si>
    <t>株式会社トーカイ富山営業所</t>
  </si>
  <si>
    <t>有限会社サンテック</t>
  </si>
  <si>
    <t>針原</t>
    <rPh sb="0" eb="1">
      <t>ハリ</t>
    </rPh>
    <rPh sb="1" eb="2">
      <t>ハラ</t>
    </rPh>
    <phoneticPr fontId="5"/>
  </si>
  <si>
    <t>076-424-6132</t>
  </si>
  <si>
    <t>076-494-1080</t>
  </si>
  <si>
    <t>誠友病院介護医療院</t>
    <rPh sb="4" eb="9">
      <t>カイゴイリョウイン</t>
    </rPh>
    <phoneticPr fontId="5"/>
  </si>
  <si>
    <t>076-428-3008</t>
  </si>
  <si>
    <t>富山市山室２５０番７</t>
    <rPh sb="0" eb="5">
      <t>トヤマシヤマムロ</t>
    </rPh>
    <rPh sb="8" eb="9">
      <t>バン</t>
    </rPh>
    <phoneticPr fontId="5"/>
  </si>
  <si>
    <t>1670105145</t>
  </si>
  <si>
    <t>富山市石金１丁目２番３０号</t>
    <rPh sb="0" eb="3">
      <t>トヤマシ</t>
    </rPh>
    <rPh sb="3" eb="4">
      <t>イシ</t>
    </rPh>
    <rPh sb="4" eb="5">
      <t>キン</t>
    </rPh>
    <rPh sb="6" eb="8">
      <t>チョウメ</t>
    </rPh>
    <rPh sb="9" eb="10">
      <t>バン</t>
    </rPh>
    <rPh sb="12" eb="13">
      <t>ゴウ</t>
    </rPh>
    <phoneticPr fontId="6"/>
  </si>
  <si>
    <t>富山市下飯野３６番地</t>
  </si>
  <si>
    <t>五福</t>
    <rPh sb="0" eb="1">
      <t>５</t>
    </rPh>
    <rPh sb="1" eb="2">
      <t>フク</t>
    </rPh>
    <phoneticPr fontId="6"/>
  </si>
  <si>
    <t>富山市粟島町二丁目２－１</t>
    <rPh sb="0" eb="3">
      <t>トヤマシ</t>
    </rPh>
    <rPh sb="3" eb="5">
      <t>アワシマ</t>
    </rPh>
    <rPh sb="5" eb="6">
      <t>マチ</t>
    </rPh>
    <rPh sb="6" eb="9">
      <t>ニチョウメ</t>
    </rPh>
    <phoneticPr fontId="6"/>
  </si>
  <si>
    <t>9392254</t>
  </si>
  <si>
    <t>076-468-1920</t>
  </si>
  <si>
    <t>076-468-1919</t>
  </si>
  <si>
    <t>富山市中島三丁目１－１</t>
    <rPh sb="3" eb="5">
      <t>ナカジマ</t>
    </rPh>
    <rPh sb="5" eb="8">
      <t>サンチョウメ</t>
    </rPh>
    <phoneticPr fontId="5"/>
  </si>
  <si>
    <t>富山市下赤江町２－３－１４</t>
    <rPh sb="0" eb="3">
      <t>トヤマシ</t>
    </rPh>
    <rPh sb="3" eb="4">
      <t>シタ</t>
    </rPh>
    <rPh sb="4" eb="7">
      <t>アカエチョウ</t>
    </rPh>
    <phoneticPr fontId="5"/>
  </si>
  <si>
    <t>富山市婦中町下轡田1010番地</t>
  </si>
  <si>
    <t>ライフサポート虹の丘三郷</t>
  </si>
  <si>
    <t>アモール訪問看護ステーション</t>
  </si>
  <si>
    <t>076-431-3133</t>
  </si>
  <si>
    <t>富山市大宮町２４番地</t>
  </si>
  <si>
    <t>指定日</t>
    <rPh sb="0" eb="2">
      <t>シテイビ</t>
    </rPh>
    <phoneticPr fontId="5"/>
  </si>
  <si>
    <t>076-431-3186</t>
  </si>
  <si>
    <t>富山医療生活協同組合在宅福祉総合センターぽぷら</t>
  </si>
  <si>
    <t>9398252</t>
  </si>
  <si>
    <t>特別養護老人ホーム　敬寿苑</t>
  </si>
  <si>
    <t>富山市田畑852番地3</t>
    <rPh sb="0" eb="3">
      <t>トヤマシ</t>
    </rPh>
    <rPh sb="3" eb="5">
      <t>タハタ</t>
    </rPh>
    <rPh sb="8" eb="10">
      <t>バンチ</t>
    </rPh>
    <phoneticPr fontId="6"/>
  </si>
  <si>
    <t>呉羽</t>
    <rPh sb="0" eb="1">
      <t>クレハ</t>
    </rPh>
    <phoneticPr fontId="5"/>
  </si>
  <si>
    <t>富山市小泉町11番地</t>
    <rPh sb="0" eb="3">
      <t>トヤマシ</t>
    </rPh>
    <rPh sb="3" eb="6">
      <t>コイズミチョウ</t>
    </rPh>
    <rPh sb="8" eb="10">
      <t>バンチ</t>
    </rPh>
    <phoneticPr fontId="5"/>
  </si>
  <si>
    <t>ヘルパーセンタースマイル</t>
  </si>
  <si>
    <t>富山市柳町一丁目２番１８号</t>
    <rPh sb="0" eb="2">
      <t>トヤマシ</t>
    </rPh>
    <rPh sb="2" eb="4">
      <t>ヤナギマチ</t>
    </rPh>
    <rPh sb="5" eb="8">
      <t>１チョウメ</t>
    </rPh>
    <rPh sb="9" eb="10">
      <t>バン</t>
    </rPh>
    <rPh sb="12" eb="13">
      <t>ゴウ</t>
    </rPh>
    <phoneticPr fontId="5"/>
  </si>
  <si>
    <t>富山市中老田８４５番地</t>
    <rPh sb="0" eb="3">
      <t>トヤマシ</t>
    </rPh>
    <rPh sb="3" eb="4">
      <t>ナカ</t>
    </rPh>
    <rPh sb="4" eb="6">
      <t>オイダ</t>
    </rPh>
    <rPh sb="9" eb="11">
      <t>バンチ</t>
    </rPh>
    <phoneticPr fontId="5"/>
  </si>
  <si>
    <t>リビングるい</t>
  </si>
  <si>
    <t>076-413-4454</t>
  </si>
  <si>
    <t>076-482-4917</t>
  </si>
  <si>
    <t>富山市本郷町22番地</t>
    <rPh sb="0" eb="3">
      <t>トヤマシ</t>
    </rPh>
    <rPh sb="3" eb="6">
      <t>ホンゴウマチ</t>
    </rPh>
    <rPh sb="8" eb="10">
      <t>バンチ</t>
    </rPh>
    <phoneticPr fontId="5"/>
  </si>
  <si>
    <t>076-491-0621</t>
  </si>
  <si>
    <t>076-455-1543</t>
  </si>
  <si>
    <t>076-491-0622</t>
  </si>
  <si>
    <t>五省会居宅介護支援事業所</t>
    <rPh sb="0" eb="2">
      <t>ゴショウ</t>
    </rPh>
    <rPh sb="2" eb="3">
      <t>カイ</t>
    </rPh>
    <phoneticPr fontId="5"/>
  </si>
  <si>
    <t>あざみ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076-403-6711</t>
  </si>
  <si>
    <t>居宅介護支援事業所えがみさんち</t>
    <rPh sb="0" eb="2">
      <t>キョタク</t>
    </rPh>
    <rPh sb="2" eb="4">
      <t>カイゴ</t>
    </rPh>
    <rPh sb="4" eb="6">
      <t>シエン</t>
    </rPh>
    <rPh sb="6" eb="9">
      <t>ジギョウショ</t>
    </rPh>
    <phoneticPr fontId="5"/>
  </si>
  <si>
    <t>富山市婦中町速星２０４番地</t>
    <rPh sb="0" eb="3">
      <t>トヤマシ</t>
    </rPh>
    <rPh sb="3" eb="6">
      <t>フチュウマチ</t>
    </rPh>
    <rPh sb="6" eb="8">
      <t>ハヤホシ</t>
    </rPh>
    <rPh sb="11" eb="13">
      <t>バンチ</t>
    </rPh>
    <phoneticPr fontId="6"/>
  </si>
  <si>
    <t>076-403-6345</t>
  </si>
  <si>
    <t>富山市八尾町下新町206番地3</t>
    <rPh sb="0" eb="3">
      <t>トヤマシ</t>
    </rPh>
    <rPh sb="3" eb="5">
      <t>ヤツオ</t>
    </rPh>
    <rPh sb="5" eb="6">
      <t>マチ</t>
    </rPh>
    <rPh sb="6" eb="9">
      <t>シモシンマチ</t>
    </rPh>
    <rPh sb="12" eb="14">
      <t>バンチ</t>
    </rPh>
    <phoneticPr fontId="5"/>
  </si>
  <si>
    <t>ふる里の風居宅介護支援事業所</t>
    <rPh sb="2" eb="3">
      <t>サト</t>
    </rPh>
    <rPh sb="4" eb="5">
      <t>カゼ</t>
    </rPh>
    <rPh sb="5" eb="7">
      <t>キョタク</t>
    </rPh>
    <rPh sb="7" eb="9">
      <t>カイゴ</t>
    </rPh>
    <rPh sb="9" eb="11">
      <t>シエン</t>
    </rPh>
    <rPh sb="11" eb="14">
      <t>ジギョウショ</t>
    </rPh>
    <phoneticPr fontId="5"/>
  </si>
  <si>
    <t>富山市清水町二丁目６番２３号</t>
    <rPh sb="0" eb="2">
      <t>トヤマ</t>
    </rPh>
    <rPh sb="2" eb="3">
      <t>シ</t>
    </rPh>
    <rPh sb="3" eb="5">
      <t>シミズ</t>
    </rPh>
    <rPh sb="5" eb="6">
      <t>マチ</t>
    </rPh>
    <rPh sb="6" eb="9">
      <t>２チョウメ</t>
    </rPh>
    <rPh sb="10" eb="11">
      <t>バン</t>
    </rPh>
    <rPh sb="13" eb="14">
      <t>ゴウ</t>
    </rPh>
    <phoneticPr fontId="5"/>
  </si>
  <si>
    <t>076-467-1633</t>
  </si>
  <si>
    <t>富山市舟橋南町7-4</t>
    <rPh sb="3" eb="5">
      <t>フナハシ</t>
    </rPh>
    <rPh sb="5" eb="6">
      <t>ミナミ</t>
    </rPh>
    <rPh sb="6" eb="7">
      <t>マチ</t>
    </rPh>
    <phoneticPr fontId="5"/>
  </si>
  <si>
    <t>東部</t>
    <rPh sb="0" eb="2">
      <t>トウブ</t>
    </rPh>
    <phoneticPr fontId="5"/>
  </si>
  <si>
    <t>1670101458</t>
  </si>
  <si>
    <t>富山市山室293番地5</t>
  </si>
  <si>
    <t>あいあい居宅介護支援事業所</t>
    <rPh sb="4" eb="6">
      <t>キョタク</t>
    </rPh>
    <rPh sb="6" eb="8">
      <t>カイゴ</t>
    </rPh>
    <rPh sb="8" eb="10">
      <t>シエン</t>
    </rPh>
    <rPh sb="10" eb="13">
      <t>ジギョウショ</t>
    </rPh>
    <phoneticPr fontId="5"/>
  </si>
  <si>
    <t>校区・地域</t>
    <rPh sb="0" eb="2">
      <t>コウク</t>
    </rPh>
    <rPh sb="3" eb="5">
      <t>チイキ</t>
    </rPh>
    <phoneticPr fontId="5"/>
  </si>
  <si>
    <t>奥田北</t>
    <rPh sb="0" eb="2">
      <t>オクダ</t>
    </rPh>
    <rPh sb="2" eb="3">
      <t>キタ</t>
    </rPh>
    <phoneticPr fontId="5"/>
  </si>
  <si>
    <t>堀川</t>
    <rPh sb="0" eb="2">
      <t>ホリカワ</t>
    </rPh>
    <phoneticPr fontId="5"/>
  </si>
  <si>
    <t>076-471-5425</t>
  </si>
  <si>
    <t>太田</t>
    <rPh sb="0" eb="2">
      <t>オオタ</t>
    </rPh>
    <phoneticPr fontId="5"/>
  </si>
  <si>
    <t>076-481-6274</t>
  </si>
  <si>
    <t>婦中</t>
    <rPh sb="0" eb="2">
      <t>フチュウ</t>
    </rPh>
    <phoneticPr fontId="5"/>
  </si>
  <si>
    <t>山室中部</t>
    <rPh sb="0" eb="2">
      <t>ヤマムロ</t>
    </rPh>
    <rPh sb="2" eb="4">
      <t>チュウブ</t>
    </rPh>
    <phoneticPr fontId="5"/>
  </si>
  <si>
    <t>蜷川</t>
    <rPh sb="0" eb="2">
      <t>ニナガワ</t>
    </rPh>
    <phoneticPr fontId="5"/>
  </si>
  <si>
    <t>校区･地域</t>
    <rPh sb="0" eb="2">
      <t>コウク</t>
    </rPh>
    <rPh sb="3" eb="5">
      <t>チイキ</t>
    </rPh>
    <phoneticPr fontId="5"/>
  </si>
  <si>
    <t>熊野</t>
    <rPh sb="0" eb="2">
      <t>クマノ</t>
    </rPh>
    <phoneticPr fontId="5"/>
  </si>
  <si>
    <t>Ｃｏｃｏ楽笑訪問介護ステーション</t>
  </si>
  <si>
    <t>新庄北</t>
    <rPh sb="0" eb="2">
      <t>シンジョウ</t>
    </rPh>
    <rPh sb="2" eb="3">
      <t>キタ</t>
    </rPh>
    <phoneticPr fontId="5"/>
  </si>
  <si>
    <t>富山市窪新町1-1</t>
    <rPh sb="0" eb="3">
      <t>トヤマシ</t>
    </rPh>
    <rPh sb="3" eb="6">
      <t>クボシンマチ</t>
    </rPh>
    <phoneticPr fontId="6"/>
  </si>
  <si>
    <t>富山市太郎丸本町一丁目10番地２３</t>
    <rPh sb="13" eb="14">
      <t>バン</t>
    </rPh>
    <rPh sb="14" eb="15">
      <t>チ</t>
    </rPh>
    <phoneticPr fontId="5"/>
  </si>
  <si>
    <t>堀川</t>
    <rPh sb="0" eb="1">
      <t>ホリ</t>
    </rPh>
    <rPh sb="1" eb="2">
      <t>カワ</t>
    </rPh>
    <phoneticPr fontId="5"/>
  </si>
  <si>
    <t>Coco楽笑福祉用具レンタル</t>
    <rPh sb="4" eb="5">
      <t>ラク</t>
    </rPh>
    <rPh sb="5" eb="6">
      <t>ワライ</t>
    </rPh>
    <rPh sb="6" eb="8">
      <t>フクシ</t>
    </rPh>
    <rPh sb="8" eb="10">
      <t>ヨウグ</t>
    </rPh>
    <phoneticPr fontId="6"/>
  </si>
  <si>
    <t>堀川南</t>
    <rPh sb="0" eb="2">
      <t>ホリカワ</t>
    </rPh>
    <rPh sb="2" eb="3">
      <t>ミナミ</t>
    </rPh>
    <phoneticPr fontId="5"/>
  </si>
  <si>
    <t>広田</t>
    <rPh sb="0" eb="2">
      <t>ヒロタ</t>
    </rPh>
    <phoneticPr fontId="5"/>
  </si>
  <si>
    <t>柳町</t>
    <rPh sb="0" eb="2">
      <t>ヤナギマチ</t>
    </rPh>
    <phoneticPr fontId="5"/>
  </si>
  <si>
    <t>豊田</t>
    <rPh sb="0" eb="2">
      <t>トヨタ</t>
    </rPh>
    <phoneticPr fontId="5"/>
  </si>
  <si>
    <t>富山市黒瀬４３５番地１</t>
  </si>
  <si>
    <t>076-405-9120</t>
  </si>
  <si>
    <t>新保</t>
    <rPh sb="0" eb="2">
      <t>シンポ</t>
    </rPh>
    <phoneticPr fontId="5"/>
  </si>
  <si>
    <t>076-424-2881</t>
  </si>
  <si>
    <t>新庄</t>
    <rPh sb="0" eb="2">
      <t>シンジョウ</t>
    </rPh>
    <phoneticPr fontId="5"/>
  </si>
  <si>
    <t>富山市水橋新堀1７－１</t>
  </si>
  <si>
    <t>富山市本郷町63番地1</t>
    <rPh sb="0" eb="3">
      <t>トヤマシ</t>
    </rPh>
    <rPh sb="3" eb="5">
      <t>ホンゴウ</t>
    </rPh>
    <rPh sb="5" eb="6">
      <t>マチ</t>
    </rPh>
    <rPh sb="8" eb="10">
      <t>バンチ</t>
    </rPh>
    <phoneticPr fontId="6"/>
  </si>
  <si>
    <t>四方</t>
    <rPh sb="0" eb="2">
      <t>ヨモ</t>
    </rPh>
    <phoneticPr fontId="5"/>
  </si>
  <si>
    <t>愛宕</t>
    <rPh sb="0" eb="2">
      <t>アタゴ</t>
    </rPh>
    <phoneticPr fontId="5"/>
  </si>
  <si>
    <t>富山市下タ林２３７</t>
    <rPh sb="0" eb="3">
      <t>トヤマシ</t>
    </rPh>
    <phoneticPr fontId="5"/>
  </si>
  <si>
    <t>居宅介護支援事業所こはく</t>
  </si>
  <si>
    <t>ヘルパーステーション心</t>
    <rPh sb="10" eb="11">
      <t>ココロ</t>
    </rPh>
    <phoneticPr fontId="5"/>
  </si>
  <si>
    <t>076-436-2120</t>
  </si>
  <si>
    <t>株式会社ハシノメディカル富山</t>
  </si>
  <si>
    <t>ショートステイぽんぽこ・上大久保</t>
  </si>
  <si>
    <t>訪問介護　ひとと樹</t>
  </si>
  <si>
    <t>針原</t>
    <rPh sb="0" eb="2">
      <t>ハリハラ</t>
    </rPh>
    <phoneticPr fontId="5"/>
  </si>
  <si>
    <t>ケアサポートジョジョ</t>
  </si>
  <si>
    <t>ショートステイこのゆびとーまれ向い</t>
  </si>
  <si>
    <t>1670101706</t>
  </si>
  <si>
    <t>076-471-5678</t>
  </si>
  <si>
    <t>富山市粟島町二丁目２－１</t>
    <rPh sb="0" eb="3">
      <t>トヤマシ</t>
    </rPh>
    <rPh sb="3" eb="5">
      <t>アワシマ</t>
    </rPh>
    <rPh sb="5" eb="6">
      <t>マチ</t>
    </rPh>
    <rPh sb="6" eb="9">
      <t>２チョウメ</t>
    </rPh>
    <phoneticPr fontId="5"/>
  </si>
  <si>
    <t>五番町</t>
    <rPh sb="0" eb="2">
      <t>５バン</t>
    </rPh>
    <rPh sb="2" eb="3">
      <t>マチ</t>
    </rPh>
    <phoneticPr fontId="5"/>
  </si>
  <si>
    <t>076-413-3711</t>
  </si>
  <si>
    <t>水橋西部</t>
    <rPh sb="0" eb="1">
      <t>ミズ</t>
    </rPh>
    <rPh sb="1" eb="2">
      <t>バシ</t>
    </rPh>
    <rPh sb="2" eb="4">
      <t>セイブ</t>
    </rPh>
    <phoneticPr fontId="5"/>
  </si>
  <si>
    <t>清水町</t>
    <rPh sb="0" eb="2">
      <t>シミズ</t>
    </rPh>
    <rPh sb="2" eb="3">
      <t>マチ</t>
    </rPh>
    <phoneticPr fontId="5"/>
  </si>
  <si>
    <t>ショートステイなごみ</t>
  </si>
  <si>
    <t>富山市今泉西部町1-3</t>
  </si>
  <si>
    <t>076-461-5081</t>
  </si>
  <si>
    <t>あんじゅ訪問看護ステーション</t>
    <rPh sb="4" eb="8">
      <t>ホウモンカンゴ</t>
    </rPh>
    <phoneticPr fontId="5"/>
  </si>
  <si>
    <t>富山市吉作１７２５</t>
  </si>
  <si>
    <t>富山市針原中町３３６</t>
  </si>
  <si>
    <t>080-5048-0324</t>
  </si>
  <si>
    <t>富山市小西１７０</t>
  </si>
  <si>
    <t>富山市横越180</t>
  </si>
  <si>
    <t>富山市大島３－１４７</t>
  </si>
  <si>
    <t>富山市山岸９５</t>
  </si>
  <si>
    <t>富山市流杉７７</t>
  </si>
  <si>
    <t>富山市下タ林１４１</t>
    <rPh sb="0" eb="3">
      <t>トヤマシ</t>
    </rPh>
    <rPh sb="3" eb="4">
      <t>シタ</t>
    </rPh>
    <rPh sb="5" eb="6">
      <t>ハヤシ</t>
    </rPh>
    <phoneticPr fontId="5"/>
  </si>
  <si>
    <t>富山市藤木１６３２番地　２０２号</t>
    <rPh sb="3" eb="5">
      <t>フジキ</t>
    </rPh>
    <rPh sb="9" eb="11">
      <t>バンチ</t>
    </rPh>
    <rPh sb="15" eb="16">
      <t>ゴウ</t>
    </rPh>
    <phoneticPr fontId="5"/>
  </si>
  <si>
    <t>富山市花崎８０</t>
    <rPh sb="0" eb="3">
      <t>トヤマシ</t>
    </rPh>
    <rPh sb="3" eb="4">
      <t>ハナ</t>
    </rPh>
    <rPh sb="4" eb="5">
      <t>サキ</t>
    </rPh>
    <phoneticPr fontId="5"/>
  </si>
  <si>
    <t>富山市石屋２３７番地</t>
    <rPh sb="0" eb="3">
      <t>トヤマシ</t>
    </rPh>
    <rPh sb="3" eb="5">
      <t>イシヤ</t>
    </rPh>
    <rPh sb="8" eb="10">
      <t>バンチ</t>
    </rPh>
    <phoneticPr fontId="5"/>
  </si>
  <si>
    <t>富山市奥井町1番7号</t>
  </si>
  <si>
    <t>076-471-8695</t>
  </si>
  <si>
    <t>富山市婦中町羽根１０９２番２</t>
    <rPh sb="0" eb="3">
      <t>トヤマシ</t>
    </rPh>
    <rPh sb="3" eb="6">
      <t>フチュウマチ</t>
    </rPh>
    <rPh sb="6" eb="8">
      <t>ハネ</t>
    </rPh>
    <rPh sb="12" eb="13">
      <t>バン</t>
    </rPh>
    <phoneticPr fontId="5"/>
  </si>
  <si>
    <t>富山市八尾町奥田８０番地</t>
    <rPh sb="0" eb="3">
      <t>トヤマシ</t>
    </rPh>
    <rPh sb="3" eb="5">
      <t>ヤツオ</t>
    </rPh>
    <rPh sb="5" eb="6">
      <t>マチ</t>
    </rPh>
    <rPh sb="6" eb="7">
      <t>オク</t>
    </rPh>
    <rPh sb="7" eb="8">
      <t>タ</t>
    </rPh>
    <rPh sb="10" eb="12">
      <t>バンチ</t>
    </rPh>
    <phoneticPr fontId="5"/>
  </si>
  <si>
    <t>富山市今泉２１８</t>
  </si>
  <si>
    <t>富山市古鍛冶町５－１３</t>
  </si>
  <si>
    <t>富山市月岡町２－１８９</t>
  </si>
  <si>
    <t>富山市丸の内３－３－２２</t>
  </si>
  <si>
    <t>076-436-1213</t>
  </si>
  <si>
    <t>076-425-8817</t>
  </si>
  <si>
    <t>富山市上二杉407番地１</t>
  </si>
  <si>
    <t>富山市二俣319-1</t>
  </si>
  <si>
    <t>光風会訪問看護ステーション</t>
    <rPh sb="0" eb="2">
      <t>コウフウカイ</t>
    </rPh>
    <rPh sb="2" eb="6">
      <t>ホウモンカンゴ</t>
    </rPh>
    <phoneticPr fontId="5"/>
  </si>
  <si>
    <t>富山市掛尾栄町２番地２</t>
    <rPh sb="3" eb="7">
      <t>カケオサカエマチ</t>
    </rPh>
    <rPh sb="8" eb="10">
      <t>バンチ</t>
    </rPh>
    <phoneticPr fontId="5"/>
  </si>
  <si>
    <t>富山市蜷川８９</t>
  </si>
  <si>
    <t>富山市横越１８０</t>
  </si>
  <si>
    <t>富山市南野田７０番地</t>
    <rPh sb="0" eb="3">
      <t>トヤマシ</t>
    </rPh>
    <rPh sb="3" eb="4">
      <t>ミナミ</t>
    </rPh>
    <rPh sb="4" eb="6">
      <t>ノダ</t>
    </rPh>
    <rPh sb="8" eb="10">
      <t>バンチ</t>
    </rPh>
    <phoneticPr fontId="6"/>
  </si>
  <si>
    <t>富山市八尾町奥田８０番地</t>
    <rPh sb="0" eb="3">
      <t>トヤマシ</t>
    </rPh>
    <rPh sb="3" eb="6">
      <t>ヤツオマチ</t>
    </rPh>
    <rPh sb="6" eb="8">
      <t>オクダ</t>
    </rPh>
    <rPh sb="10" eb="12">
      <t>バンチ</t>
    </rPh>
    <phoneticPr fontId="5"/>
  </si>
  <si>
    <t>しおんの家</t>
  </si>
  <si>
    <t>ショートステイまめの木</t>
  </si>
  <si>
    <t>富山市中間島２丁目２７番地６号</t>
    <rPh sb="0" eb="3">
      <t>トヤマシ</t>
    </rPh>
    <rPh sb="3" eb="4">
      <t>ナカ</t>
    </rPh>
    <rPh sb="4" eb="5">
      <t>アイダ</t>
    </rPh>
    <rPh sb="5" eb="6">
      <t>シマ</t>
    </rPh>
    <rPh sb="7" eb="8">
      <t>チョウ</t>
    </rPh>
    <rPh sb="8" eb="9">
      <t>メ</t>
    </rPh>
    <rPh sb="11" eb="12">
      <t>バン</t>
    </rPh>
    <rPh sb="12" eb="13">
      <t>チ</t>
    </rPh>
    <rPh sb="14" eb="15">
      <t>ゴウ</t>
    </rPh>
    <phoneticPr fontId="5"/>
  </si>
  <si>
    <t>富山市新庄町四丁目３番３号</t>
  </si>
  <si>
    <t>076-481-7415</t>
  </si>
  <si>
    <t>富山市婦中町鵜坂139番地</t>
  </si>
  <si>
    <t>校区・地域</t>
  </si>
  <si>
    <t>076-434-1665</t>
  </si>
  <si>
    <t>1670101136</t>
  </si>
  <si>
    <t>076-434-1322</t>
  </si>
  <si>
    <t>076-492-8846</t>
  </si>
  <si>
    <t>富山市奥井町4番36号</t>
    <rPh sb="3" eb="5">
      <t>オクイ</t>
    </rPh>
    <rPh sb="5" eb="6">
      <t>マチ</t>
    </rPh>
    <rPh sb="7" eb="8">
      <t>バン</t>
    </rPh>
    <rPh sb="10" eb="11">
      <t>ゴウ</t>
    </rPh>
    <phoneticPr fontId="5"/>
  </si>
  <si>
    <t>富山市本郷新３６</t>
    <rPh sb="3" eb="5">
      <t>ホンゴウ</t>
    </rPh>
    <rPh sb="5" eb="6">
      <t>シン</t>
    </rPh>
    <phoneticPr fontId="5"/>
  </si>
  <si>
    <t>076-464-5239</t>
  </si>
  <si>
    <t>倉垣</t>
    <rPh sb="0" eb="1">
      <t>クラ</t>
    </rPh>
    <rPh sb="1" eb="2">
      <t>ガキ</t>
    </rPh>
    <phoneticPr fontId="5"/>
  </si>
  <si>
    <t>三郷</t>
    <rPh sb="0" eb="2">
      <t>サンゴウ</t>
    </rPh>
    <phoneticPr fontId="5"/>
  </si>
  <si>
    <t>076-434-8511</t>
  </si>
  <si>
    <t>寒江</t>
    <rPh sb="0" eb="1">
      <t>サム</t>
    </rPh>
    <rPh sb="1" eb="2">
      <t>エ</t>
    </rPh>
    <phoneticPr fontId="5"/>
  </si>
  <si>
    <t>総曲輪</t>
    <rPh sb="0" eb="3">
      <t>ソウガワ</t>
    </rPh>
    <phoneticPr fontId="5"/>
  </si>
  <si>
    <t>080-8692-2884</t>
  </si>
  <si>
    <t>介護保険事業所一覧</t>
  </si>
  <si>
    <t>076-482-5690</t>
  </si>
  <si>
    <t>076-425-0212</t>
  </si>
  <si>
    <t>事業所名</t>
  </si>
  <si>
    <t>076-461-5513</t>
  </si>
  <si>
    <t>梨雲苑ゆうゆう指定居宅介護支援事業所</t>
  </si>
  <si>
    <t>なないろ南居宅介護支援事業所</t>
    <rPh sb="4" eb="5">
      <t>ミナミ</t>
    </rPh>
    <phoneticPr fontId="6"/>
  </si>
  <si>
    <t>076-467-1622</t>
  </si>
  <si>
    <t>光陽</t>
    <rPh sb="0" eb="2">
      <t>コウヨウ</t>
    </rPh>
    <phoneticPr fontId="5"/>
  </si>
  <si>
    <t>9398075</t>
  </si>
  <si>
    <t>9300974</t>
  </si>
  <si>
    <t>富山市布瀬町南二丁目１番地９</t>
  </si>
  <si>
    <t>1650180134</t>
  </si>
  <si>
    <t>9392603</t>
  </si>
  <si>
    <t>富山市八尾町奥田８０</t>
    <rPh sb="0" eb="3">
      <t>トヤマシ</t>
    </rPh>
    <rPh sb="3" eb="6">
      <t>ヤツオマチ</t>
    </rPh>
    <rPh sb="6" eb="8">
      <t>オクダ</t>
    </rPh>
    <phoneticPr fontId="6"/>
  </si>
  <si>
    <t>076-479-2562</t>
  </si>
  <si>
    <t>1650180019</t>
  </si>
  <si>
    <t>076-471-7078</t>
  </si>
  <si>
    <t>9300901</t>
  </si>
  <si>
    <t>1650180068</t>
  </si>
  <si>
    <t>9393535</t>
  </si>
  <si>
    <t>訪問看護ステーションままアシスト</t>
  </si>
  <si>
    <t>076-435-2178</t>
  </si>
  <si>
    <t>9398183</t>
  </si>
  <si>
    <t>1670101508</t>
  </si>
  <si>
    <t>富山市秋ケ島146番１</t>
  </si>
  <si>
    <t>つばき居宅介護支援事業所</t>
  </si>
  <si>
    <t>1670112034</t>
  </si>
  <si>
    <t>富山市二口町三丁目1番地１８</t>
    <rPh sb="6" eb="7">
      <t>サン</t>
    </rPh>
    <rPh sb="7" eb="9">
      <t>チョウメ</t>
    </rPh>
    <rPh sb="10" eb="12">
      <t>バンチ</t>
    </rPh>
    <phoneticPr fontId="5"/>
  </si>
  <si>
    <t>通所リハビリテーション　きたまえ</t>
  </si>
  <si>
    <t>076-461-4543</t>
  </si>
  <si>
    <t>介護老人保健施設シルバーケア城南</t>
    <rPh sb="0" eb="2">
      <t>カイゴ</t>
    </rPh>
    <rPh sb="2" eb="4">
      <t>ロウジン</t>
    </rPh>
    <rPh sb="4" eb="6">
      <t>ホケン</t>
    </rPh>
    <rPh sb="6" eb="8">
      <t>シセツ</t>
    </rPh>
    <rPh sb="14" eb="16">
      <t>ジョウナン</t>
    </rPh>
    <phoneticPr fontId="5"/>
  </si>
  <si>
    <t>富山市水橋新堀１７－１</t>
  </si>
  <si>
    <t>076-478-3705</t>
  </si>
  <si>
    <t>富山市太郎丸西町一丁目６番地６</t>
    <rPh sb="0" eb="3">
      <t>トヤマシ</t>
    </rPh>
    <rPh sb="3" eb="5">
      <t>タロウ</t>
    </rPh>
    <rPh sb="5" eb="6">
      <t>マル</t>
    </rPh>
    <rPh sb="8" eb="11">
      <t>１チョウメ</t>
    </rPh>
    <rPh sb="12" eb="14">
      <t>バンチ</t>
    </rPh>
    <phoneticPr fontId="5"/>
  </si>
  <si>
    <t>076-461-5514</t>
  </si>
  <si>
    <t>9392226</t>
  </si>
  <si>
    <t>訪問介護事業所コスモスの里</t>
  </si>
  <si>
    <t>富山市石屋２３７</t>
    <rPh sb="0" eb="3">
      <t>トヤマシ</t>
    </rPh>
    <rPh sb="3" eb="5">
      <t>イシヤ</t>
    </rPh>
    <phoneticPr fontId="6"/>
  </si>
  <si>
    <t>富山市大江干３０番地３</t>
  </si>
  <si>
    <t>山室</t>
  </si>
  <si>
    <t>076-461-5080</t>
  </si>
  <si>
    <t>076-436-6549</t>
  </si>
  <si>
    <t>富山市野口南部121番地</t>
    <rPh sb="0" eb="3">
      <t>トヤマシ</t>
    </rPh>
    <rPh sb="3" eb="5">
      <t>ノグチ</t>
    </rPh>
    <rPh sb="5" eb="7">
      <t>ナンブ</t>
    </rPh>
    <rPh sb="10" eb="12">
      <t>バンチ</t>
    </rPh>
    <phoneticPr fontId="5"/>
  </si>
  <si>
    <t>特別養護老人ホーム梨雲苑ゆうゆう</t>
  </si>
  <si>
    <t>富山市新庄町一丁目１６番１４号</t>
    <rPh sb="3" eb="6">
      <t>シンジョウマチ</t>
    </rPh>
    <rPh sb="6" eb="9">
      <t>1チョウメ</t>
    </rPh>
    <rPh sb="11" eb="12">
      <t>バン</t>
    </rPh>
    <rPh sb="14" eb="15">
      <t>ゴウ</t>
    </rPh>
    <phoneticPr fontId="5"/>
  </si>
  <si>
    <t>済生会富山訪問看護ステーション</t>
  </si>
  <si>
    <t>076-439-8018</t>
  </si>
  <si>
    <t>076-438-6782</t>
  </si>
  <si>
    <t>四方</t>
    <rPh sb="0" eb="2">
      <t>ヨカタ</t>
    </rPh>
    <phoneticPr fontId="5"/>
  </si>
  <si>
    <t>ヘルパーステーションカルシア</t>
  </si>
  <si>
    <t>富山市長江五丁目４番３３号</t>
  </si>
  <si>
    <t>富山市上赤江町一丁目１２番６号</t>
    <rPh sb="0" eb="3">
      <t>トヤマシ</t>
    </rPh>
    <rPh sb="3" eb="7">
      <t>カミアカエマチ</t>
    </rPh>
    <rPh sb="7" eb="10">
      <t>イチチョウメ</t>
    </rPh>
    <rPh sb="12" eb="13">
      <t>バン</t>
    </rPh>
    <rPh sb="14" eb="15">
      <t>ゴウ</t>
    </rPh>
    <phoneticPr fontId="5"/>
  </si>
  <si>
    <t>076-442-9008</t>
  </si>
  <si>
    <t>076-442-9001</t>
  </si>
  <si>
    <t>堀川</t>
    <rPh sb="0" eb="2">
      <t>ホリカワミナミ</t>
    </rPh>
    <phoneticPr fontId="5"/>
  </si>
  <si>
    <t>富山市上二杉４２０番地２</t>
    <rPh sb="0" eb="2">
      <t>トヤマシ</t>
    </rPh>
    <rPh sb="2" eb="5">
      <t>カミフタスギ</t>
    </rPh>
    <rPh sb="9" eb="11">
      <t>バンチ</t>
    </rPh>
    <phoneticPr fontId="5"/>
  </si>
  <si>
    <r>
      <t>076-</t>
    </r>
    <r>
      <rPr>
        <sz val="11"/>
        <rFont val="ＭＳ Ｐゴシック"/>
        <family val="3"/>
        <charset val="128"/>
      </rPr>
      <t>478-0371</t>
    </r>
  </si>
  <si>
    <t>富山市新庄町２丁目１５番３２号</t>
  </si>
  <si>
    <t>9392716</t>
  </si>
  <si>
    <t>訪問看護リハビリステーションゆうきの輪</t>
  </si>
  <si>
    <t>076-461-3364</t>
  </si>
  <si>
    <t>076-431-0168</t>
  </si>
  <si>
    <t>076-431-0127</t>
  </si>
  <si>
    <t>あすなろの郷 デイサービスセンター</t>
    <rPh sb="5" eb="6">
      <t>サト</t>
    </rPh>
    <phoneticPr fontId="6"/>
  </si>
  <si>
    <t>富山市下大久保1530番地1</t>
    <rPh sb="0" eb="3">
      <t>トヤマシ</t>
    </rPh>
    <rPh sb="3" eb="4">
      <t>シモ</t>
    </rPh>
    <rPh sb="4" eb="7">
      <t>オオクボ</t>
    </rPh>
    <rPh sb="11" eb="13">
      <t>バンチ</t>
    </rPh>
    <phoneticPr fontId="6"/>
  </si>
  <si>
    <t>訪問看護ステーション翼</t>
    <rPh sb="0" eb="4">
      <t>ホウモンカンゴ</t>
    </rPh>
    <rPh sb="10" eb="11">
      <t>ツバサ</t>
    </rPh>
    <phoneticPr fontId="5"/>
  </si>
  <si>
    <t>076-411-9880</t>
  </si>
  <si>
    <t>076-482-5417</t>
  </si>
  <si>
    <t>特別養護老人ホームたちばな荘</t>
    <rPh sb="0" eb="2">
      <t>トクベツ</t>
    </rPh>
    <rPh sb="2" eb="4">
      <t>ヨウゴ</t>
    </rPh>
    <rPh sb="4" eb="6">
      <t>ロウジン</t>
    </rPh>
    <rPh sb="13" eb="14">
      <t>ソウ</t>
    </rPh>
    <phoneticPr fontId="5"/>
  </si>
  <si>
    <t>つぐ葉訪問看護ステーション</t>
    <rPh sb="2" eb="3">
      <t>ハ</t>
    </rPh>
    <rPh sb="3" eb="7">
      <t>ホウモンカンゴ</t>
    </rPh>
    <phoneticPr fontId="6"/>
  </si>
  <si>
    <t>076-424-2685</t>
  </si>
  <si>
    <t>富山市八尾町奥田79番地</t>
  </si>
  <si>
    <t>076-468-3001</t>
  </si>
  <si>
    <t>富山市飯野１番地１</t>
  </si>
  <si>
    <t>9318358</t>
  </si>
  <si>
    <t>9398271</t>
  </si>
  <si>
    <t>西能病院</t>
    <rPh sb="0" eb="1">
      <t>ニシ</t>
    </rPh>
    <rPh sb="1" eb="2">
      <t>ノウ</t>
    </rPh>
    <rPh sb="2" eb="4">
      <t>ビョウイン</t>
    </rPh>
    <phoneticPr fontId="5"/>
  </si>
  <si>
    <t>大広田</t>
    <rPh sb="0" eb="1">
      <t>オオ</t>
    </rPh>
    <rPh sb="1" eb="3">
      <t>ヒロタ</t>
    </rPh>
    <phoneticPr fontId="5"/>
  </si>
  <si>
    <t>富山市高田70　</t>
    <rPh sb="3" eb="5">
      <t>タカタ</t>
    </rPh>
    <phoneticPr fontId="5"/>
  </si>
  <si>
    <t>アルペンデイサービス</t>
  </si>
  <si>
    <t>076-464-3005</t>
  </si>
  <si>
    <t>北酸株式会社医療事業部</t>
  </si>
  <si>
    <t>富山市西長江2-3-47</t>
  </si>
  <si>
    <t>富山市手屋三丁目8番４０号</t>
    <rPh sb="0" eb="3">
      <t>トヤマシ</t>
    </rPh>
    <rPh sb="3" eb="4">
      <t>テ</t>
    </rPh>
    <rPh sb="4" eb="5">
      <t>ヤ</t>
    </rPh>
    <rPh sb="5" eb="6">
      <t>サン</t>
    </rPh>
    <rPh sb="6" eb="8">
      <t>チョウメ</t>
    </rPh>
    <rPh sb="9" eb="10">
      <t>バン</t>
    </rPh>
    <rPh sb="12" eb="13">
      <t>ゴウ</t>
    </rPh>
    <phoneticPr fontId="5"/>
  </si>
  <si>
    <t>デイサービスまちなか</t>
  </si>
  <si>
    <t>訪問入浴事業所長寿の泉</t>
  </si>
  <si>
    <t>みずほサポートセンター</t>
  </si>
  <si>
    <t>076-420-5218</t>
  </si>
  <si>
    <t>訪問看護ステーションむつらぼし</t>
    <rPh sb="0" eb="4">
      <t>ホウモンカンゴ</t>
    </rPh>
    <phoneticPr fontId="5"/>
  </si>
  <si>
    <t>富山市流杉１２０</t>
  </si>
  <si>
    <t>光陽</t>
    <rPh sb="0" eb="1">
      <t>ヒカ</t>
    </rPh>
    <phoneticPr fontId="5"/>
  </si>
  <si>
    <t>16B0100063</t>
  </si>
  <si>
    <t>岩瀬</t>
    <rPh sb="0" eb="1">
      <t>イワセ</t>
    </rPh>
    <phoneticPr fontId="5"/>
  </si>
  <si>
    <t>076-452-2787</t>
  </si>
  <si>
    <t>076-433-0370</t>
  </si>
  <si>
    <t>五福</t>
    <rPh sb="0" eb="1">
      <t>フク</t>
    </rPh>
    <phoneticPr fontId="5"/>
  </si>
  <si>
    <t>婦中</t>
    <rPh sb="0" eb="1">
      <t>フチュウ</t>
    </rPh>
    <phoneticPr fontId="5"/>
  </si>
  <si>
    <t>076-428-5567</t>
  </si>
  <si>
    <t>富山市水橋辻ケ堂４６６番８</t>
    <rPh sb="11" eb="12">
      <t>バン</t>
    </rPh>
    <phoneticPr fontId="5"/>
  </si>
  <si>
    <t>新庄北</t>
    <rPh sb="0" eb="1">
      <t>シンジョウ</t>
    </rPh>
    <rPh sb="1" eb="2">
      <t>キタ</t>
    </rPh>
    <phoneticPr fontId="5"/>
  </si>
  <si>
    <t>東部</t>
    <rPh sb="0" eb="1">
      <t>トウブ</t>
    </rPh>
    <phoneticPr fontId="5"/>
  </si>
  <si>
    <t>月岡</t>
    <rPh sb="0" eb="1">
      <t>ツキオカ</t>
    </rPh>
    <phoneticPr fontId="5"/>
  </si>
  <si>
    <t>熊野</t>
    <rPh sb="0" eb="1">
      <t>ノ</t>
    </rPh>
    <phoneticPr fontId="5"/>
  </si>
  <si>
    <t>速星</t>
    <rPh sb="0" eb="2">
      <t>ハヤホシ</t>
    </rPh>
    <phoneticPr fontId="5"/>
  </si>
  <si>
    <t>富山市西公文名町９番９</t>
  </si>
  <si>
    <t>三郷</t>
    <rPh sb="0" eb="1">
      <t>サンゴウ</t>
    </rPh>
    <phoneticPr fontId="5"/>
  </si>
  <si>
    <t>新庄・藤ノ木</t>
    <rPh sb="0" eb="2">
      <t>シンジョウ</t>
    </rPh>
    <rPh sb="3" eb="4">
      <t>フジ</t>
    </rPh>
    <rPh sb="5" eb="6">
      <t>キ</t>
    </rPh>
    <phoneticPr fontId="5"/>
  </si>
  <si>
    <t>ケアステーション ラポール</t>
  </si>
  <si>
    <t>すみれ苑デイサービスセンター</t>
  </si>
  <si>
    <t>ヘルパーステーション牧さん家</t>
    <rPh sb="10" eb="11">
      <t>マキ</t>
    </rPh>
    <rPh sb="13" eb="14">
      <t>イエ</t>
    </rPh>
    <phoneticPr fontId="5"/>
  </si>
  <si>
    <t>富山市布瀬町南２丁目９番地２</t>
  </si>
  <si>
    <t>076-482-6714</t>
  </si>
  <si>
    <t>076-444-8821</t>
  </si>
  <si>
    <t>046-491-5371</t>
  </si>
  <si>
    <t>076-464-3353</t>
  </si>
  <si>
    <t>富山市日俣157番地1</t>
    <rPh sb="0" eb="3">
      <t>トヤマシ</t>
    </rPh>
    <rPh sb="3" eb="5">
      <t>ヒマタ</t>
    </rPh>
    <rPh sb="8" eb="9">
      <t>バン</t>
    </rPh>
    <rPh sb="9" eb="10">
      <t>チ</t>
    </rPh>
    <phoneticPr fontId="6"/>
  </si>
  <si>
    <t>076-444-2077</t>
  </si>
  <si>
    <t>076-461-3496</t>
  </si>
  <si>
    <t>076-434-1213</t>
  </si>
  <si>
    <t>富山市清水中町３－２１</t>
  </si>
  <si>
    <t>076-444-2078</t>
  </si>
  <si>
    <t>076-461-6235</t>
  </si>
  <si>
    <t>076-482-6920</t>
  </si>
  <si>
    <t>光陽</t>
    <rPh sb="0" eb="1">
      <t>ヒカリ</t>
    </rPh>
    <rPh sb="1" eb="2">
      <t>ヒ</t>
    </rPh>
    <phoneticPr fontId="5"/>
  </si>
  <si>
    <t>076-422-5308</t>
  </si>
  <si>
    <t>富山市婦中町下轡田１０１９番地</t>
  </si>
  <si>
    <t>身体介護</t>
    <rPh sb="0" eb="2">
      <t>シンタイ</t>
    </rPh>
    <rPh sb="2" eb="4">
      <t>カイゴ</t>
    </rPh>
    <phoneticPr fontId="5"/>
  </si>
  <si>
    <t>介護老人保健施設みどり苑</t>
    <rPh sb="0" eb="2">
      <t>カイゴ</t>
    </rPh>
    <rPh sb="2" eb="4">
      <t>ロウジン</t>
    </rPh>
    <rPh sb="4" eb="6">
      <t>ホケン</t>
    </rPh>
    <rPh sb="6" eb="8">
      <t>シセツ</t>
    </rPh>
    <rPh sb="11" eb="12">
      <t>ソノ</t>
    </rPh>
    <phoneticPr fontId="5"/>
  </si>
  <si>
    <t>訪問介護事業所みのり</t>
  </si>
  <si>
    <t>富山市牛島本町二丁目1番58号</t>
  </si>
  <si>
    <t>富山市秋ケ島１４６－１</t>
    <rPh sb="0" eb="3">
      <t>トヤマシ</t>
    </rPh>
    <rPh sb="3" eb="6">
      <t>アキガシマ</t>
    </rPh>
    <phoneticPr fontId="5"/>
  </si>
  <si>
    <t>光陽</t>
  </si>
  <si>
    <t>医心館 訪問看護ステーション 富山</t>
    <rPh sb="0" eb="3">
      <t>イシンヤカタ</t>
    </rPh>
    <rPh sb="4" eb="8">
      <t>ホウモンカンゴ</t>
    </rPh>
    <rPh sb="15" eb="17">
      <t>トヤマ</t>
    </rPh>
    <phoneticPr fontId="6"/>
  </si>
  <si>
    <t>076-428-2808</t>
  </si>
  <si>
    <t>076-464-3002</t>
  </si>
  <si>
    <t>076-437-2058</t>
  </si>
  <si>
    <t>076-468-8112</t>
  </si>
  <si>
    <t>090-8263-2815</t>
  </si>
  <si>
    <t>076-482-6673</t>
  </si>
  <si>
    <r>
      <t>076-</t>
    </r>
    <r>
      <rPr>
        <sz val="11"/>
        <rFont val="ＭＳ Ｐゴシック"/>
        <family val="3"/>
        <charset val="128"/>
      </rPr>
      <t>471-5072</t>
    </r>
  </si>
  <si>
    <t>076-482-6542</t>
  </si>
  <si>
    <t>富山市花崎85番地</t>
  </si>
  <si>
    <t>076-442-2808</t>
  </si>
  <si>
    <t>デイサービスかけはし</t>
  </si>
  <si>
    <t>9398132</t>
  </si>
  <si>
    <t>076-413-2011</t>
  </si>
  <si>
    <t>076-461-5256</t>
  </si>
  <si>
    <t>富山市新庄町２－７－１０</t>
    <rPh sb="0" eb="3">
      <t>トヤマシ</t>
    </rPh>
    <rPh sb="3" eb="5">
      <t>シンジョウ</t>
    </rPh>
    <rPh sb="5" eb="6">
      <t>マチ</t>
    </rPh>
    <phoneticPr fontId="5"/>
  </si>
  <si>
    <t>柳町</t>
  </si>
  <si>
    <t>076-432-0058</t>
  </si>
  <si>
    <t>ソーロング株式会社</t>
  </si>
  <si>
    <t>076-469-1600</t>
  </si>
  <si>
    <t>076-461-7799</t>
  </si>
  <si>
    <t>076-434-8067</t>
  </si>
  <si>
    <t>076-461-5260</t>
  </si>
  <si>
    <t>9300975</t>
  </si>
  <si>
    <t>076-461-6385</t>
  </si>
  <si>
    <t>9302243</t>
  </si>
  <si>
    <t>076-435-5325</t>
  </si>
  <si>
    <t>076-435-5326</t>
  </si>
  <si>
    <t>076-493-6003</t>
  </si>
  <si>
    <t>萩浦</t>
  </si>
  <si>
    <t>ヘルパーステーションコクエー</t>
  </si>
  <si>
    <t>リハビリ特化型デイサービスRe－TAC</t>
    <rPh sb="4" eb="7">
      <t>トッカガタ</t>
    </rPh>
    <phoneticPr fontId="6"/>
  </si>
  <si>
    <t>水橋</t>
    <rPh sb="0" eb="2">
      <t>ミズハシ</t>
    </rPh>
    <phoneticPr fontId="5"/>
  </si>
  <si>
    <t>正栄ウェルフェア長江訪問介護事業所</t>
  </si>
  <si>
    <t>訪問介護ビルト</t>
  </si>
  <si>
    <t>076-425-7377</t>
  </si>
  <si>
    <t>076-425-7387</t>
  </si>
  <si>
    <t>076-466-3265</t>
  </si>
  <si>
    <t>076-471-7949</t>
  </si>
  <si>
    <t>富山市東町一丁目５番８号クリスタルビル202</t>
  </si>
  <si>
    <t>076-471-7066</t>
  </si>
  <si>
    <t>076-481-6911</t>
  </si>
  <si>
    <t>富山市寺町９番１</t>
    <rPh sb="0" eb="1">
      <t>ト</t>
    </rPh>
    <rPh sb="3" eb="5">
      <t>テラマチ</t>
    </rPh>
    <rPh sb="6" eb="7">
      <t>バン</t>
    </rPh>
    <phoneticPr fontId="5"/>
  </si>
  <si>
    <t>076-420-5300</t>
  </si>
  <si>
    <t>16B0100071</t>
  </si>
  <si>
    <t>富山市二口町5丁目1-4</t>
  </si>
  <si>
    <t>076-482-6774</t>
  </si>
  <si>
    <t>富山市長江本町１８番１号</t>
    <rPh sb="0" eb="3">
      <t>トヤマシ</t>
    </rPh>
    <rPh sb="3" eb="5">
      <t>ナガエ</t>
    </rPh>
    <rPh sb="5" eb="7">
      <t>ホンマチ</t>
    </rPh>
    <rPh sb="9" eb="10">
      <t>バン</t>
    </rPh>
    <rPh sb="11" eb="12">
      <t>ゴウ</t>
    </rPh>
    <phoneticPr fontId="5"/>
  </si>
  <si>
    <t>あさひホーム</t>
  </si>
  <si>
    <t>076-427-0770</t>
  </si>
  <si>
    <t>076-427-0771</t>
  </si>
  <si>
    <t>特別養護老人ホ－ムしらいわ苑</t>
  </si>
  <si>
    <t>076-464-6817</t>
  </si>
  <si>
    <t>076-423-0337</t>
  </si>
  <si>
    <t>076-420-2467</t>
  </si>
  <si>
    <t>076-438-6787</t>
  </si>
  <si>
    <t>076-491-2116</t>
  </si>
  <si>
    <t>076-471-7841</t>
  </si>
  <si>
    <t>富山市本郷町２６２番１５</t>
  </si>
  <si>
    <t>076-464-3135</t>
  </si>
  <si>
    <t>076-464-3383</t>
  </si>
  <si>
    <t>富山市蓮町四丁目６番３号</t>
    <rPh sb="0" eb="5">
      <t>トヤマシハスマチ</t>
    </rPh>
    <rPh sb="5" eb="8">
      <t>4チョウメ</t>
    </rPh>
    <rPh sb="9" eb="10">
      <t>バン</t>
    </rPh>
    <rPh sb="11" eb="12">
      <t>ゴウ</t>
    </rPh>
    <phoneticPr fontId="6"/>
  </si>
  <si>
    <t>076-431-4976</t>
  </si>
  <si>
    <t>ヘルパーステーションふれあいの里ひろた</t>
    <rPh sb="15" eb="16">
      <t>サト</t>
    </rPh>
    <phoneticPr fontId="5"/>
  </si>
  <si>
    <t>ふるさと敬寿苑デイサービスセンター</t>
    <rPh sb="4" eb="5">
      <t>ウヤマ</t>
    </rPh>
    <rPh sb="5" eb="6">
      <t>コトブキ</t>
    </rPh>
    <rPh sb="6" eb="7">
      <t>エン</t>
    </rPh>
    <phoneticPr fontId="6"/>
  </si>
  <si>
    <t>特別養護老人ホームしらいわ苑こもれび</t>
  </si>
  <si>
    <t>富山市婦中町羽根1092番2</t>
  </si>
  <si>
    <t>富山市上大久保1581番地１</t>
    <rPh sb="11" eb="13">
      <t>バンチ</t>
    </rPh>
    <phoneticPr fontId="5"/>
  </si>
  <si>
    <t>富山市稲代36</t>
    <rPh sb="0" eb="3">
      <t>トヤマシ</t>
    </rPh>
    <rPh sb="3" eb="5">
      <t>イナシロ</t>
    </rPh>
    <phoneticPr fontId="5"/>
  </si>
  <si>
    <t>蜷川</t>
    <rPh sb="0" eb="2">
      <t>ニナガワ</t>
    </rPh>
    <phoneticPr fontId="6"/>
  </si>
  <si>
    <t>富山市本郷町２６２番地１５</t>
    <rPh sb="3" eb="6">
      <t>ホンゴウマチ</t>
    </rPh>
    <rPh sb="9" eb="11">
      <t>バンチ</t>
    </rPh>
    <phoneticPr fontId="5"/>
  </si>
  <si>
    <t>076-403-6788</t>
  </si>
  <si>
    <t>富山市石金一丁目2番30号</t>
    <rPh sb="3" eb="4">
      <t>イシ</t>
    </rPh>
    <rPh sb="4" eb="5">
      <t>キン</t>
    </rPh>
    <rPh sb="5" eb="6">
      <t>１</t>
    </rPh>
    <rPh sb="6" eb="8">
      <t>チョウメ</t>
    </rPh>
    <rPh sb="9" eb="10">
      <t>バン</t>
    </rPh>
    <rPh sb="12" eb="13">
      <t>ゴウ</t>
    </rPh>
    <phoneticPr fontId="5"/>
  </si>
  <si>
    <t>富山市上大久保322-5</t>
  </si>
  <si>
    <t>富山市四方荒屋２５８９番地１</t>
    <rPh sb="0" eb="3">
      <t>トヤマシ</t>
    </rPh>
    <rPh sb="3" eb="7">
      <t>ヨカタアラヤ</t>
    </rPh>
    <rPh sb="11" eb="13">
      <t>バンチ</t>
    </rPh>
    <phoneticPr fontId="5"/>
  </si>
  <si>
    <t>076-460-3034</t>
  </si>
  <si>
    <t>アクア富山秋吉訪問看護</t>
  </si>
  <si>
    <t>大沢野</t>
  </si>
  <si>
    <t>076-461-3838</t>
  </si>
  <si>
    <t>富山市黒崎２９１</t>
  </si>
  <si>
    <t>076-461-3837</t>
  </si>
  <si>
    <t>芝園</t>
    <rPh sb="0" eb="2">
      <t>シバゾノ</t>
    </rPh>
    <phoneticPr fontId="5"/>
  </si>
  <si>
    <t>サンウェルズ富山居宅介護支援事業所</t>
    <rPh sb="6" eb="8">
      <t>トヤマ</t>
    </rPh>
    <rPh sb="8" eb="10">
      <t>キョタク</t>
    </rPh>
    <rPh sb="10" eb="12">
      <t>カイゴ</t>
    </rPh>
    <rPh sb="12" eb="14">
      <t>シエン</t>
    </rPh>
    <rPh sb="14" eb="17">
      <t>ジギョウショ</t>
    </rPh>
    <phoneticPr fontId="5"/>
  </si>
  <si>
    <t>ショートステイ楓和</t>
  </si>
  <si>
    <t>076-461-7685</t>
  </si>
  <si>
    <t>富山市下新町１６番１１号</t>
    <rPh sb="0" eb="3">
      <t>トヤマシ</t>
    </rPh>
    <rPh sb="3" eb="6">
      <t>シモシンマチ</t>
    </rPh>
    <rPh sb="8" eb="9">
      <t>バン</t>
    </rPh>
    <rPh sb="11" eb="12">
      <t>ゴウ</t>
    </rPh>
    <phoneticPr fontId="6"/>
  </si>
  <si>
    <t>デイサービス鈴の音飯野</t>
    <rPh sb="6" eb="7">
      <t>スズ</t>
    </rPh>
    <rPh sb="8" eb="9">
      <t>ネ</t>
    </rPh>
    <rPh sb="9" eb="11">
      <t>イイノ</t>
    </rPh>
    <phoneticPr fontId="5"/>
  </si>
  <si>
    <t>076-461-3564</t>
  </si>
  <si>
    <t>076-471-7489</t>
  </si>
  <si>
    <t>そう呉羽</t>
  </si>
  <si>
    <t>076-482-3522</t>
  </si>
  <si>
    <t>076-469-6553</t>
  </si>
  <si>
    <t>訪問看護ステーション　おうちへ帰ろう</t>
  </si>
  <si>
    <t>ヘルパーステーション鵜坂</t>
  </si>
  <si>
    <t>076-481-6229</t>
  </si>
  <si>
    <t>076-424-2655</t>
  </si>
  <si>
    <t>ささづ苑デイサービスセンター</t>
    <rPh sb="3" eb="4">
      <t>エン</t>
    </rPh>
    <phoneticPr fontId="6"/>
  </si>
  <si>
    <r>
      <t>076-</t>
    </r>
    <r>
      <rPr>
        <sz val="11"/>
        <rFont val="ＭＳ Ｐゴシック"/>
        <family val="3"/>
        <charset val="128"/>
      </rPr>
      <t>436-2133</t>
    </r>
  </si>
  <si>
    <t>076-481-6921</t>
  </si>
  <si>
    <t>ケアハウスそよかぜの郷</t>
  </si>
  <si>
    <t>ディサービス　マーガレット</t>
  </si>
  <si>
    <t>とやま生協 ゆとり～な</t>
    <rPh sb="3" eb="5">
      <t>セイキョウ</t>
    </rPh>
    <phoneticPr fontId="5"/>
  </si>
  <si>
    <t>富山市婦中町萩島３１５－１</t>
    <rPh sb="0" eb="3">
      <t>トヤマシ</t>
    </rPh>
    <rPh sb="3" eb="6">
      <t>フチュウマチ</t>
    </rPh>
    <rPh sb="6" eb="7">
      <t>ハギ</t>
    </rPh>
    <rPh sb="7" eb="8">
      <t>シマ</t>
    </rPh>
    <phoneticPr fontId="6"/>
  </si>
  <si>
    <t>富山市八尾町福島４丁目７１番地</t>
  </si>
  <si>
    <t>富山市奥田本町３－８</t>
    <rPh sb="3" eb="5">
      <t>オクダ</t>
    </rPh>
    <rPh sb="5" eb="7">
      <t>ホンマチ</t>
    </rPh>
    <phoneticPr fontId="5"/>
  </si>
  <si>
    <t>訪問入浴介護事業所　バーデン</t>
  </si>
  <si>
    <t>0120-65-8739</t>
  </si>
  <si>
    <t>地域密着型特別養護老人ホームささづ苑かすが</t>
  </si>
  <si>
    <t>デイサービスみんなの輪　おおさわの</t>
    <rPh sb="10" eb="11">
      <t>ワ</t>
    </rPh>
    <phoneticPr fontId="6"/>
  </si>
  <si>
    <t>桜谷の里ヘルパーステーション</t>
    <rPh sb="0" eb="2">
      <t>サクラダニ</t>
    </rPh>
    <rPh sb="3" eb="4">
      <t>サト</t>
    </rPh>
    <phoneticPr fontId="5"/>
  </si>
  <si>
    <t>076-432-0057</t>
  </si>
  <si>
    <t>076-464-3004</t>
  </si>
  <si>
    <t>ナーシングケアさくら</t>
  </si>
  <si>
    <t>076-403-2800</t>
  </si>
  <si>
    <t>有料老人ホームめぐみ</t>
  </si>
  <si>
    <t>藤ノ木</t>
    <rPh sb="0" eb="1">
      <t>フジ</t>
    </rPh>
    <rPh sb="2" eb="3">
      <t>キ</t>
    </rPh>
    <phoneticPr fontId="6"/>
  </si>
  <si>
    <t>076-493-7008</t>
  </si>
  <si>
    <t>076-413-8877</t>
  </si>
  <si>
    <t>介護老人保健施設　西町セントラル・ヴィレー</t>
    <rPh sb="0" eb="2">
      <t>カイゴ</t>
    </rPh>
    <phoneticPr fontId="6"/>
  </si>
  <si>
    <t>1670114212</t>
  </si>
  <si>
    <t>富山西ショートステイ</t>
  </si>
  <si>
    <t>富山市上冨居二丁目２番２７号</t>
    <rPh sb="3" eb="4">
      <t>ウエ</t>
    </rPh>
    <rPh sb="4" eb="6">
      <t>フゴウ</t>
    </rPh>
    <rPh sb="6" eb="9">
      <t>2チョウメ</t>
    </rPh>
    <rPh sb="10" eb="11">
      <t>バン</t>
    </rPh>
    <rPh sb="13" eb="14">
      <t>ゴウ</t>
    </rPh>
    <phoneticPr fontId="5"/>
  </si>
  <si>
    <t>076-425-8689</t>
  </si>
  <si>
    <t>富山市八尾町黒田2702番地1</t>
  </si>
  <si>
    <t>富山市太田口通り二丁目5番1号　サワダビル1階</t>
    <rPh sb="0" eb="3">
      <t>トヤマシ</t>
    </rPh>
    <rPh sb="3" eb="7">
      <t>オオタグチドオ</t>
    </rPh>
    <rPh sb="8" eb="11">
      <t>ニチョウメ</t>
    </rPh>
    <rPh sb="12" eb="13">
      <t>バン</t>
    </rPh>
    <rPh sb="14" eb="15">
      <t>ゴウ</t>
    </rPh>
    <rPh sb="22" eb="23">
      <t>カイ</t>
    </rPh>
    <phoneticPr fontId="5"/>
  </si>
  <si>
    <t>コスモスの里　大江干</t>
  </si>
  <si>
    <t>1670114220</t>
  </si>
  <si>
    <t>076-481-6078</t>
  </si>
  <si>
    <t>076-454-3923</t>
  </si>
  <si>
    <t>076-481-7406</t>
  </si>
  <si>
    <t>富山市婦中町熊野道３５７番地</t>
  </si>
  <si>
    <t>076-464-3153</t>
  </si>
  <si>
    <t>ふる里の風訪問介護事業所</t>
  </si>
  <si>
    <t>076-422-7003</t>
  </si>
  <si>
    <t>富山市手屋2-135-1</t>
  </si>
  <si>
    <t>五福</t>
    <rPh sb="0" eb="2">
      <t>ゴフク</t>
    </rPh>
    <phoneticPr fontId="5"/>
  </si>
  <si>
    <t>富山市秋ケ島１４６－１</t>
  </si>
  <si>
    <t>富山市南金屋１１１番地</t>
    <rPh sb="0" eb="2">
      <t>トヤマシ</t>
    </rPh>
    <rPh sb="2" eb="3">
      <t>ミナミ</t>
    </rPh>
    <rPh sb="3" eb="5">
      <t>カナヤ</t>
    </rPh>
    <rPh sb="8" eb="10">
      <t>バンチ</t>
    </rPh>
    <phoneticPr fontId="5"/>
  </si>
  <si>
    <t>9398214</t>
  </si>
  <si>
    <t>訪問介護事業所ふくし百選ケア・アシストあずみ</t>
  </si>
  <si>
    <t>訪問介護ステーションほの字</t>
  </si>
  <si>
    <t>076-439-3650</t>
  </si>
  <si>
    <t>076-454-5505</t>
  </si>
  <si>
    <t>076-455-8050</t>
  </si>
  <si>
    <t>076-455-3806</t>
  </si>
  <si>
    <t>富山市手屋２丁目135-1</t>
    <rPh sb="3" eb="4">
      <t>テ</t>
    </rPh>
    <rPh sb="4" eb="5">
      <t>ヤ</t>
    </rPh>
    <rPh sb="6" eb="8">
      <t>チョウメ</t>
    </rPh>
    <phoneticPr fontId="6"/>
  </si>
  <si>
    <t>富山市本郷新３６</t>
  </si>
  <si>
    <t>新庄北</t>
    <rPh sb="0" eb="2">
      <t>シンジョウ</t>
    </rPh>
    <rPh sb="2" eb="3">
      <t>キタ</t>
    </rPh>
    <phoneticPr fontId="6"/>
  </si>
  <si>
    <t>076-407-016１</t>
  </si>
  <si>
    <t>076-407-0165</t>
  </si>
  <si>
    <t>富山市婦中町速星398番地1</t>
  </si>
  <si>
    <t>076-438-7025</t>
  </si>
  <si>
    <t>富山市新村87番地２</t>
  </si>
  <si>
    <t>富山地域福祉事業所サポ－トハウスぽぴ－</t>
  </si>
  <si>
    <t>076-428-1808</t>
  </si>
  <si>
    <t>富山市黒瀬北町二丁目７番地８号</t>
  </si>
  <si>
    <t>富山市本郷町262番地14</t>
    <rPh sb="10" eb="11">
      <t>チ</t>
    </rPh>
    <phoneticPr fontId="5"/>
  </si>
  <si>
    <t>076-493-1477</t>
  </si>
  <si>
    <t>富山市上袋518-1</t>
  </si>
  <si>
    <t>介護医療院　尽誠会</t>
  </si>
  <si>
    <t>076-432-9909</t>
  </si>
  <si>
    <t>076-481-6365</t>
  </si>
  <si>
    <t>まるまる居宅介護支援事業所</t>
  </si>
  <si>
    <t>076-493-7009</t>
  </si>
  <si>
    <t>076-429-4038</t>
  </si>
  <si>
    <t>16B0100014</t>
  </si>
  <si>
    <t>富山市寺町けや木台７１</t>
  </si>
  <si>
    <t>デイおおくぼの森</t>
    <rPh sb="7" eb="8">
      <t>モリ</t>
    </rPh>
    <phoneticPr fontId="5"/>
  </si>
  <si>
    <t>清水町</t>
  </si>
  <si>
    <t>富山市丸の内２－３－８</t>
  </si>
  <si>
    <t>富山医療生活協同組合在宅福祉総合センターひまわり</t>
  </si>
  <si>
    <t>ヘルパーステーション わかな</t>
  </si>
  <si>
    <t>富山市下奥井１丁目４番２号</t>
  </si>
  <si>
    <t>高志訪問看護ステーション</t>
  </si>
  <si>
    <t>ヘルパーセンターみらい</t>
  </si>
  <si>
    <t>ヘルパーセンターセンチュリー</t>
  </si>
  <si>
    <t>富山市曙町２番２３号</t>
  </si>
  <si>
    <t>ヘルパーステーション和合</t>
  </si>
  <si>
    <t>株式会社蓮</t>
    <rPh sb="0" eb="4">
      <t>カブシキガイシャ</t>
    </rPh>
    <rPh sb="4" eb="5">
      <t>レン</t>
    </rPh>
    <phoneticPr fontId="5"/>
  </si>
  <si>
    <t>ヘルパーステーションすみれ</t>
  </si>
  <si>
    <t>富山市上大久保1585番地1</t>
  </si>
  <si>
    <t>富山市牛島本町一丁目５番４号</t>
    <rPh sb="0" eb="3">
      <t>トヤマシ</t>
    </rPh>
    <rPh sb="3" eb="7">
      <t>ウシジマホンマチ</t>
    </rPh>
    <rPh sb="7" eb="10">
      <t>イチチョウメ</t>
    </rPh>
    <rPh sb="11" eb="12">
      <t>バン</t>
    </rPh>
    <rPh sb="13" eb="14">
      <t>ゴウ</t>
    </rPh>
    <phoneticPr fontId="5"/>
  </si>
  <si>
    <t>076-471-6205</t>
  </si>
  <si>
    <t>富山市館出町２－４－４</t>
  </si>
  <si>
    <t>富山市茶屋町210番地</t>
  </si>
  <si>
    <t>富山市金山新東510番地</t>
  </si>
  <si>
    <t>訪問介護ステーションあいの風　呉羽事業所</t>
  </si>
  <si>
    <t>五省会訪問看護ステーション</t>
    <rPh sb="0" eb="1">
      <t>ゴ</t>
    </rPh>
    <rPh sb="1" eb="2">
      <t>ショウ</t>
    </rPh>
    <rPh sb="2" eb="3">
      <t>カイ</t>
    </rPh>
    <rPh sb="3" eb="5">
      <t>ホウモン</t>
    </rPh>
    <rPh sb="5" eb="7">
      <t>カンゴ</t>
    </rPh>
    <phoneticPr fontId="5"/>
  </si>
  <si>
    <t>笑美寿居宅介護支援事業所</t>
  </si>
  <si>
    <t>富山市針原中町355番地</t>
  </si>
  <si>
    <t>ヘルパーステーション　リベロ</t>
  </si>
  <si>
    <t>076-442-1462</t>
  </si>
  <si>
    <t>076-442-2806</t>
  </si>
  <si>
    <t>076-420-1050</t>
  </si>
  <si>
    <t>076-455-2598</t>
  </si>
  <si>
    <t>076-482-4918</t>
  </si>
  <si>
    <t>076-464-9717</t>
  </si>
  <si>
    <t>076-478-1444</t>
  </si>
  <si>
    <t>076-479-9651</t>
  </si>
  <si>
    <t>五番町</t>
    <rPh sb="0" eb="3">
      <t>ゴバンマチ</t>
    </rPh>
    <phoneticPr fontId="6"/>
  </si>
  <si>
    <t>076-471-5420</t>
  </si>
  <si>
    <t>富山市荒川一丁目１番８８号</t>
    <rPh sb="5" eb="8">
      <t>1チョウメ</t>
    </rPh>
    <rPh sb="9" eb="10">
      <t>バン</t>
    </rPh>
    <rPh sb="12" eb="13">
      <t>ゴウ</t>
    </rPh>
    <phoneticPr fontId="5"/>
  </si>
  <si>
    <t>076-429-5771</t>
  </si>
  <si>
    <t>富山市婦中町砂子田８１番地２７９　カーサデフローラⅡ２０２</t>
    <rPh sb="0" eb="3">
      <t>トヤマシ</t>
    </rPh>
    <rPh sb="3" eb="6">
      <t>フチュウマチ</t>
    </rPh>
    <rPh sb="6" eb="9">
      <t>スナゴダ</t>
    </rPh>
    <rPh sb="11" eb="13">
      <t>バンチ</t>
    </rPh>
    <phoneticPr fontId="5"/>
  </si>
  <si>
    <t>076-433-0128</t>
  </si>
  <si>
    <t>076-433-0323</t>
  </si>
  <si>
    <t>076-444-5353</t>
  </si>
  <si>
    <t>076-481-7023</t>
  </si>
  <si>
    <t>076-464-0083</t>
  </si>
  <si>
    <t>076-456-6091</t>
  </si>
  <si>
    <t>076-464-6856</t>
  </si>
  <si>
    <t>076-493-3355</t>
  </si>
  <si>
    <t>076-493-3350</t>
  </si>
  <si>
    <t>イフディ居宅</t>
    <rPh sb="3" eb="5">
      <t>キョタク</t>
    </rPh>
    <phoneticPr fontId="5"/>
  </si>
  <si>
    <t>076-432-7810</t>
  </si>
  <si>
    <t>在宅福祉総合センターぽぷらデイサービスセンター</t>
    <rPh sb="0" eb="2">
      <t>ザイタク</t>
    </rPh>
    <rPh sb="2" eb="4">
      <t>フクシ</t>
    </rPh>
    <rPh sb="4" eb="6">
      <t>ソウゴウ</t>
    </rPh>
    <phoneticPr fontId="6"/>
  </si>
  <si>
    <t>076-481-6246</t>
  </si>
  <si>
    <t>076-493-8003</t>
  </si>
  <si>
    <t>076-438-7218</t>
  </si>
  <si>
    <t>富山市呉羽町3732</t>
  </si>
  <si>
    <t>富山市大島三丁目177番地</t>
  </si>
  <si>
    <t>大広田</t>
    <rPh sb="0" eb="3">
      <t>オオヒ</t>
    </rPh>
    <phoneticPr fontId="5"/>
  </si>
  <si>
    <t>富山市粟島町二丁目2-1</t>
  </si>
  <si>
    <t>076-433-8301</t>
  </si>
  <si>
    <t>076-468-8113</t>
  </si>
  <si>
    <t>076-482-3092</t>
  </si>
  <si>
    <t>富山市吉作365番地６</t>
  </si>
  <si>
    <t>富山市針原中町415-1</t>
  </si>
  <si>
    <t>076-464-5688</t>
  </si>
  <si>
    <t>076-451-6299</t>
  </si>
  <si>
    <t>訪問看護ステーション　ステップ</t>
    <rPh sb="0" eb="2">
      <t>ホウモン</t>
    </rPh>
    <rPh sb="2" eb="4">
      <t>カンゴ</t>
    </rPh>
    <phoneticPr fontId="5"/>
  </si>
  <si>
    <t>076-461-4407</t>
  </si>
  <si>
    <t>富山市二俣327番地4</t>
  </si>
  <si>
    <t>居宅介護支援事業所ひかり苑</t>
  </si>
  <si>
    <t>デイサービスセンターふる里の風</t>
    <rPh sb="12" eb="13">
      <t>サト</t>
    </rPh>
    <rPh sb="14" eb="15">
      <t>カゼ</t>
    </rPh>
    <phoneticPr fontId="6"/>
  </si>
  <si>
    <t>076-435-5755</t>
  </si>
  <si>
    <t>076-461-4546</t>
  </si>
  <si>
    <t>一休庵デイサービスセンター</t>
    <rPh sb="0" eb="2">
      <t>イッキュウ</t>
    </rPh>
    <rPh sb="2" eb="3">
      <t>イオリ</t>
    </rPh>
    <phoneticPr fontId="6"/>
  </si>
  <si>
    <t>富山市秋吉101-14</t>
  </si>
  <si>
    <t>076-454-7822</t>
  </si>
  <si>
    <t>富山市上大久保1308-2</t>
  </si>
  <si>
    <t>富山赤十字ケアプラン事業所</t>
  </si>
  <si>
    <t>076-433-2173</t>
  </si>
  <si>
    <t>アモール居宅介護支援事業所</t>
  </si>
  <si>
    <t>076-461-3776</t>
  </si>
  <si>
    <t>076-422-8234</t>
  </si>
  <si>
    <t>076-425-5170</t>
  </si>
  <si>
    <t>076-424-4160</t>
  </si>
  <si>
    <t>富山市中田二丁目２番２４号　メゾン・ヴィレ・マール３０１</t>
    <rPh sb="0" eb="3">
      <t>トヤマシ</t>
    </rPh>
    <rPh sb="3" eb="5">
      <t>ナカダ</t>
    </rPh>
    <rPh sb="5" eb="8">
      <t>ニチョウメ</t>
    </rPh>
    <rPh sb="9" eb="10">
      <t>バン</t>
    </rPh>
    <rPh sb="12" eb="13">
      <t>ゴウ</t>
    </rPh>
    <phoneticPr fontId="5"/>
  </si>
  <si>
    <t>富山市西長江三丁目7番8号</t>
  </si>
  <si>
    <t>デイサービス萩の里ぬくもり</t>
    <rPh sb="6" eb="7">
      <t>ハギ</t>
    </rPh>
    <rPh sb="8" eb="9">
      <t>サト</t>
    </rPh>
    <phoneticPr fontId="6"/>
  </si>
  <si>
    <t>富山市今泉２２０</t>
  </si>
  <si>
    <t>076-478-4636</t>
  </si>
  <si>
    <t>076-492-3012</t>
  </si>
  <si>
    <t>076-425-1350</t>
  </si>
  <si>
    <t>076-471-6292</t>
  </si>
  <si>
    <t>076-493-8005</t>
  </si>
  <si>
    <t>076-461-5511</t>
  </si>
  <si>
    <t>076-461-5693</t>
  </si>
  <si>
    <t>076-461-5771</t>
  </si>
  <si>
    <t>富山市清水町二丁目６番２３号</t>
  </si>
  <si>
    <t>076-422-0170</t>
  </si>
  <si>
    <t>訪問看護ステーション　ジョジョ</t>
  </si>
  <si>
    <t>富山市小泉町11番地</t>
  </si>
  <si>
    <t>富山市五福１１８８番地２</t>
  </si>
  <si>
    <t>富山市黒瀬北町二丁目7番地８Calme102</t>
  </si>
  <si>
    <t>富山市野口南部121番地</t>
    <rPh sb="0" eb="3">
      <t>トヤマシ</t>
    </rPh>
    <rPh sb="3" eb="5">
      <t>ノグチ</t>
    </rPh>
    <rPh sb="5" eb="6">
      <t>ミナミ</t>
    </rPh>
    <rPh sb="6" eb="7">
      <t>ブ</t>
    </rPh>
    <rPh sb="10" eb="12">
      <t>バンチ</t>
    </rPh>
    <phoneticPr fontId="6"/>
  </si>
  <si>
    <t>富山市新根塚町1-1-7　Ｐ．Ｓ　ＯＮＥ　１階-Ｄ</t>
  </si>
  <si>
    <t>訪問看護ステーションＰｌｕｓ．１</t>
  </si>
  <si>
    <t>076-461-8066</t>
  </si>
  <si>
    <t>訪問看護ステーションゆりかご</t>
  </si>
  <si>
    <t>デイサービスあおば</t>
  </si>
  <si>
    <t>訪問看護ステーションなないろ</t>
  </si>
  <si>
    <t>富山市蓮町２丁目３番２３号</t>
    <rPh sb="0" eb="3">
      <t>トヤマシ</t>
    </rPh>
    <rPh sb="3" eb="5">
      <t>ハスマチ</t>
    </rPh>
    <rPh sb="6" eb="8">
      <t>チョウメ</t>
    </rPh>
    <rPh sb="9" eb="10">
      <t>バン</t>
    </rPh>
    <rPh sb="12" eb="13">
      <t>ゴウ</t>
    </rPh>
    <phoneticPr fontId="6"/>
  </si>
  <si>
    <t>山室</t>
    <rPh sb="0" eb="2">
      <t>ヤマムロ</t>
    </rPh>
    <phoneticPr fontId="14"/>
  </si>
  <si>
    <t>076-454-3262</t>
  </si>
  <si>
    <t>076-482-6921</t>
  </si>
  <si>
    <t>076-461-5881</t>
  </si>
  <si>
    <t>076-471-8588</t>
  </si>
  <si>
    <t>076-411-6477</t>
  </si>
  <si>
    <t>076-411-7376</t>
  </si>
  <si>
    <t>まめふく在宅支援センター</t>
    <rPh sb="4" eb="6">
      <t>ザイタク</t>
    </rPh>
    <rPh sb="6" eb="8">
      <t>シエン</t>
    </rPh>
    <phoneticPr fontId="5"/>
  </si>
  <si>
    <t>富山市婦中町下轡田１０１９</t>
  </si>
  <si>
    <t>16B0100030</t>
  </si>
  <si>
    <t>おあしす訪問介護事業所</t>
  </si>
  <si>
    <t>富山市中島三丁目８番３３号</t>
  </si>
  <si>
    <t>合同会社福祉用具レンタル</t>
    <rPh sb="0" eb="2">
      <t>ゴウドウ</t>
    </rPh>
    <rPh sb="2" eb="4">
      <t>ガイシャ</t>
    </rPh>
    <rPh sb="4" eb="6">
      <t>フクシ</t>
    </rPh>
    <rPh sb="6" eb="8">
      <t>ヨウグ</t>
    </rPh>
    <phoneticPr fontId="5"/>
  </si>
  <si>
    <t>076-492-6655</t>
  </si>
  <si>
    <t>16B0100048</t>
  </si>
  <si>
    <t>ケアパートナー富山デイサービスセンター</t>
    <rPh sb="7" eb="9">
      <t>トヤマ</t>
    </rPh>
    <phoneticPr fontId="6"/>
  </si>
  <si>
    <t>076-411-9818</t>
  </si>
  <si>
    <t>訪問介護ステーション呉羽</t>
  </si>
  <si>
    <t>デイサービスおきな</t>
  </si>
  <si>
    <t>076-464-3730</t>
  </si>
  <si>
    <t>1670114485</t>
  </si>
  <si>
    <t>アクア富山訪問介護</t>
    <rPh sb="3" eb="5">
      <t>トヤマ</t>
    </rPh>
    <rPh sb="5" eb="7">
      <t>ホウモン</t>
    </rPh>
    <rPh sb="7" eb="9">
      <t>カイゴ</t>
    </rPh>
    <phoneticPr fontId="6"/>
  </si>
  <si>
    <t>076-429-7113</t>
  </si>
  <si>
    <t>有限会社尚栄福祉事業部</t>
    <rPh sb="0" eb="4">
      <t>ユウゲンガイシャ</t>
    </rPh>
    <rPh sb="4" eb="5">
      <t>ナオ</t>
    </rPh>
    <rPh sb="5" eb="6">
      <t>エイ</t>
    </rPh>
    <rPh sb="6" eb="8">
      <t>フクシ</t>
    </rPh>
    <rPh sb="8" eb="10">
      <t>ジギョウ</t>
    </rPh>
    <rPh sb="10" eb="11">
      <t>ブ</t>
    </rPh>
    <phoneticPr fontId="5"/>
  </si>
  <si>
    <t>いま泉病院介護医療院</t>
    <rPh sb="5" eb="10">
      <t>カイゴイリョウイン</t>
    </rPh>
    <phoneticPr fontId="5"/>
  </si>
  <si>
    <r>
      <t>076-</t>
    </r>
    <r>
      <rPr>
        <sz val="11"/>
        <rFont val="ＭＳ Ｐゴシック"/>
        <family val="3"/>
        <charset val="128"/>
      </rPr>
      <t>461-5332</t>
    </r>
  </si>
  <si>
    <t>076-481-8005</t>
  </si>
  <si>
    <t>076-461-6633</t>
  </si>
  <si>
    <t>076-481-6253</t>
  </si>
  <si>
    <t>080-5859-0540</t>
  </si>
  <si>
    <t>富山市清水元町５番４－２０３号　ラフィネ清水Ⅰ</t>
  </si>
  <si>
    <t>076-482-5940</t>
  </si>
  <si>
    <t>株式会社オリーブ</t>
  </si>
  <si>
    <t>076-461-6402</t>
  </si>
  <si>
    <t>訪問介護ステーション希</t>
    <rPh sb="0" eb="2">
      <t>ホウモン</t>
    </rPh>
    <rPh sb="2" eb="4">
      <t>カイゴ</t>
    </rPh>
    <rPh sb="10" eb="11">
      <t>ノゾミ</t>
    </rPh>
    <phoneticPr fontId="5"/>
  </si>
  <si>
    <t>富山市上千俵町１０３</t>
  </si>
  <si>
    <t>富山市開発１３３</t>
  </si>
  <si>
    <t>16B0100055</t>
  </si>
  <si>
    <t>富山市二口町五丁目４番地１テフィスD棟１階B号室</t>
    <rPh sb="3" eb="6">
      <t>フタクチマチ</t>
    </rPh>
    <rPh sb="6" eb="9">
      <t>ゴチョウメ</t>
    </rPh>
    <rPh sb="10" eb="12">
      <t>バンチ</t>
    </rPh>
    <rPh sb="18" eb="19">
      <t>トウ</t>
    </rPh>
    <rPh sb="20" eb="21">
      <t>カイ</t>
    </rPh>
    <rPh sb="22" eb="24">
      <t>ゴウシツ</t>
    </rPh>
    <phoneticPr fontId="5"/>
  </si>
  <si>
    <t>かえるの楽笑</t>
    <rPh sb="4" eb="5">
      <t>ラク</t>
    </rPh>
    <rPh sb="5" eb="6">
      <t>ワラ</t>
    </rPh>
    <phoneticPr fontId="6"/>
  </si>
  <si>
    <t>076-481-6239</t>
  </si>
  <si>
    <t>富山市呉羽６２４３番地５</t>
    <rPh sb="3" eb="5">
      <t>クレハ</t>
    </rPh>
    <phoneticPr fontId="5"/>
  </si>
  <si>
    <t>076-433-2739</t>
  </si>
  <si>
    <t>076-482-8380</t>
  </si>
  <si>
    <t>友愛温泉病院　介護医療院</t>
    <rPh sb="0" eb="2">
      <t>ユウアイ</t>
    </rPh>
    <rPh sb="2" eb="4">
      <t>オンセン</t>
    </rPh>
    <rPh sb="4" eb="6">
      <t>ビョウイン</t>
    </rPh>
    <rPh sb="7" eb="9">
      <t>カイゴ</t>
    </rPh>
    <rPh sb="9" eb="11">
      <t>イリョウ</t>
    </rPh>
    <rPh sb="11" eb="12">
      <t>イン</t>
    </rPh>
    <phoneticPr fontId="5"/>
  </si>
  <si>
    <t>株式会社　ヤマシタ　富山営業所</t>
  </si>
  <si>
    <t>076-464-3681</t>
  </si>
  <si>
    <t>株式会社ヤマシタ　富山営業所</t>
  </si>
  <si>
    <t>富山市春日３６２－１</t>
    <rPh sb="0" eb="3">
      <t>トヤマシ</t>
    </rPh>
    <rPh sb="3" eb="5">
      <t>カスガ</t>
    </rPh>
    <phoneticPr fontId="6"/>
  </si>
  <si>
    <t>076-433-2573</t>
  </si>
  <si>
    <t>050-3433-5879</t>
  </si>
  <si>
    <t>R1.5.1</t>
  </si>
  <si>
    <t>とやま金泉寺ケアセンターそよ風</t>
    <rPh sb="3" eb="6">
      <t>キンセンジ</t>
    </rPh>
    <rPh sb="14" eb="15">
      <t>カゼ</t>
    </rPh>
    <phoneticPr fontId="5"/>
  </si>
  <si>
    <t>流杉病院介護医療院</t>
    <rPh sb="4" eb="6">
      <t>カイゴ</t>
    </rPh>
    <rPh sb="6" eb="8">
      <t>イリョウ</t>
    </rPh>
    <rPh sb="8" eb="9">
      <t>イン</t>
    </rPh>
    <phoneticPr fontId="5"/>
  </si>
  <si>
    <t>おおやま病院介護医療院</t>
    <rPh sb="4" eb="6">
      <t>ビョウイン</t>
    </rPh>
    <rPh sb="6" eb="8">
      <t>カイゴ</t>
    </rPh>
    <rPh sb="8" eb="10">
      <t>イリョウ</t>
    </rPh>
    <rPh sb="10" eb="11">
      <t>イン</t>
    </rPh>
    <phoneticPr fontId="5"/>
  </si>
  <si>
    <t>富山市鵯島字川原１９０７番地１</t>
    <rPh sb="0" eb="2">
      <t>トヤマシ</t>
    </rPh>
    <rPh sb="2" eb="4">
      <t>ヒヨドリジマ</t>
    </rPh>
    <rPh sb="4" eb="5">
      <t>アザ</t>
    </rPh>
    <rPh sb="5" eb="7">
      <t>カワハラ</t>
    </rPh>
    <rPh sb="12" eb="14">
      <t>バンチ</t>
    </rPh>
    <phoneticPr fontId="5"/>
  </si>
  <si>
    <t>Coco楽笑居宅介護支援事業所</t>
    <rPh sb="4" eb="5">
      <t>ラク</t>
    </rPh>
    <rPh sb="5" eb="6">
      <t>ワラ</t>
    </rPh>
    <rPh sb="6" eb="15">
      <t>キョタクカイゴシエンジギョウショ</t>
    </rPh>
    <phoneticPr fontId="5"/>
  </si>
  <si>
    <t>9398134</t>
  </si>
  <si>
    <t>リベロ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富山市稲荷元町２－８－９　アクトピアトヤマ１階</t>
    <rPh sb="0" eb="3">
      <t>トヤマシ</t>
    </rPh>
    <rPh sb="3" eb="7">
      <t>イナリモトチョウ</t>
    </rPh>
    <rPh sb="22" eb="23">
      <t>カイ</t>
    </rPh>
    <phoneticPr fontId="6"/>
  </si>
  <si>
    <t>076-443-1062</t>
  </si>
  <si>
    <t>富山市西長江二丁目1-2</t>
    <rPh sb="0" eb="2">
      <t>トヤマ</t>
    </rPh>
    <rPh sb="2" eb="3">
      <t>シ</t>
    </rPh>
    <rPh sb="3" eb="6">
      <t>ニシナガエ</t>
    </rPh>
    <rPh sb="6" eb="7">
      <t>ニ</t>
    </rPh>
    <rPh sb="7" eb="9">
      <t>チョウメ</t>
    </rPh>
    <phoneticPr fontId="5"/>
  </si>
  <si>
    <t>富山市根塚町一丁目2-5　BNKビル2階</t>
    <rPh sb="0" eb="3">
      <t>トヤマシ</t>
    </rPh>
    <rPh sb="3" eb="5">
      <t>ネヅ</t>
    </rPh>
    <rPh sb="5" eb="6">
      <t>マチ</t>
    </rPh>
    <rPh sb="6" eb="9">
      <t>イッチョウメ</t>
    </rPh>
    <rPh sb="19" eb="20">
      <t>カイ</t>
    </rPh>
    <phoneticPr fontId="5"/>
  </si>
  <si>
    <t>FAX番号</t>
    <rPh sb="2" eb="4">
      <t>バンゴウ</t>
    </rPh>
    <phoneticPr fontId="5"/>
  </si>
  <si>
    <t>076-461-6401</t>
  </si>
  <si>
    <t>〇</t>
  </si>
  <si>
    <t>076-415-2311</t>
  </si>
  <si>
    <t>ニチイケアセンター藤の木</t>
  </si>
  <si>
    <t>076-492-8815</t>
  </si>
  <si>
    <t>富山市今泉西部町１２番地の１</t>
  </si>
  <si>
    <t>訪問介護ステーションまめなけ</t>
  </si>
  <si>
    <t>富山市八尾町福島七丁目４２番地</t>
    <rPh sb="0" eb="3">
      <t>トヤマシ</t>
    </rPh>
    <phoneticPr fontId="5"/>
  </si>
  <si>
    <t>富山市黒崎122番地1</t>
    <rPh sb="8" eb="10">
      <t>バンチ</t>
    </rPh>
    <phoneticPr fontId="5"/>
  </si>
  <si>
    <t>富山市住吉町２丁目６番１９号</t>
    <rPh sb="0" eb="3">
      <t>トヤマシ</t>
    </rPh>
    <rPh sb="3" eb="5">
      <t>スミヨシ</t>
    </rPh>
    <rPh sb="5" eb="6">
      <t>マチ</t>
    </rPh>
    <rPh sb="7" eb="9">
      <t>チョウメ</t>
    </rPh>
    <rPh sb="10" eb="11">
      <t>バン</t>
    </rPh>
    <rPh sb="13" eb="14">
      <t>ゴウ</t>
    </rPh>
    <phoneticPr fontId="6"/>
  </si>
  <si>
    <t>デイサービスまみ～ずが～でん黒瀬</t>
  </si>
  <si>
    <t>076-454-3875</t>
  </si>
  <si>
    <t>076-482-6028</t>
  </si>
  <si>
    <t>株式会社ケィ・ディック福祉事業部</t>
  </si>
  <si>
    <t>デイサービスセンター呉羽あいの風</t>
  </si>
  <si>
    <t>株式会社サンスイコーポレーション</t>
  </si>
  <si>
    <t>富山市黒瀬455番地1</t>
    <rPh sb="3" eb="5">
      <t>クロセ</t>
    </rPh>
    <rPh sb="8" eb="10">
      <t>バンチ</t>
    </rPh>
    <phoneticPr fontId="5"/>
  </si>
  <si>
    <t>富山市中川原３９９－１</t>
    <rPh sb="0" eb="3">
      <t>トヤマシ</t>
    </rPh>
    <rPh sb="3" eb="6">
      <t>ナカガワラ</t>
    </rPh>
    <phoneticPr fontId="6"/>
  </si>
  <si>
    <t>特別養護老人ホーム ソレイユ</t>
    <rPh sb="0" eb="2">
      <t>トクベツ</t>
    </rPh>
    <rPh sb="2" eb="6">
      <t>ヨウゴロウジン</t>
    </rPh>
    <phoneticPr fontId="5"/>
  </si>
  <si>
    <t>076-492-2362</t>
  </si>
  <si>
    <t>076-479-9173</t>
  </si>
  <si>
    <t>ゆい社会福祉士共同事務所</t>
  </si>
  <si>
    <t>中央</t>
    <rPh sb="0" eb="2">
      <t>チュウオウ</t>
    </rPh>
    <phoneticPr fontId="5"/>
  </si>
  <si>
    <t>ケアマネジメントみんなの輪</t>
  </si>
  <si>
    <t>076-464-6001</t>
  </si>
  <si>
    <t>076-464-6004</t>
  </si>
  <si>
    <t>富山市黒瀬４５９－１</t>
    <rPh sb="3" eb="5">
      <t>クロセ</t>
    </rPh>
    <phoneticPr fontId="5"/>
  </si>
  <si>
    <t>鵜坂</t>
    <rPh sb="0" eb="2">
      <t>ウサカ</t>
    </rPh>
    <phoneticPr fontId="5"/>
  </si>
  <si>
    <t>富山西福祉サービス</t>
  </si>
  <si>
    <t>076-461-7778</t>
  </si>
  <si>
    <t>のむら訪問介護ステーション</t>
    <rPh sb="3" eb="5">
      <t>ホウモン</t>
    </rPh>
    <rPh sb="5" eb="7">
      <t>カイゴ</t>
    </rPh>
    <phoneticPr fontId="5"/>
  </si>
  <si>
    <t>訪問介護事業所　アイのスプーン</t>
    <rPh sb="0" eb="4">
      <t>ホウモンカイゴ</t>
    </rPh>
    <rPh sb="4" eb="7">
      <t>ジギョウショ</t>
    </rPh>
    <phoneticPr fontId="5"/>
  </si>
  <si>
    <t>富山市下堀５１番地１</t>
    <rPh sb="0" eb="3">
      <t>トヤマシ</t>
    </rPh>
    <rPh sb="3" eb="4">
      <t>シモ</t>
    </rPh>
    <rPh sb="4" eb="5">
      <t>ホリ</t>
    </rPh>
    <rPh sb="7" eb="9">
      <t>バンチ</t>
    </rPh>
    <phoneticPr fontId="5"/>
  </si>
  <si>
    <t>076-464-3735</t>
  </si>
  <si>
    <t>076-479-2515</t>
  </si>
  <si>
    <t>富山市長江５丁目４番３３号</t>
    <rPh sb="0" eb="3">
      <t>トヤマシ</t>
    </rPh>
    <rPh sb="3" eb="5">
      <t>ナガエ</t>
    </rPh>
    <rPh sb="6" eb="8">
      <t>チョウメ</t>
    </rPh>
    <rPh sb="9" eb="10">
      <t>バン</t>
    </rPh>
    <rPh sb="12" eb="13">
      <t>ゴウ</t>
    </rPh>
    <phoneticPr fontId="5"/>
  </si>
  <si>
    <r>
      <t>076-</t>
    </r>
    <r>
      <rPr>
        <sz val="11"/>
        <rFont val="ＭＳ Ｐゴシック"/>
        <family val="3"/>
        <charset val="128"/>
      </rPr>
      <t>413-6588</t>
    </r>
  </si>
  <si>
    <t>076-479-6056</t>
  </si>
  <si>
    <t>ヘルパーステーションなないろ</t>
  </si>
  <si>
    <t>富山市館出町二丁目４番４号</t>
    <rPh sb="0" eb="3">
      <t>トヤマシ</t>
    </rPh>
    <rPh sb="3" eb="5">
      <t>タチイデ</t>
    </rPh>
    <rPh sb="5" eb="6">
      <t>マチ</t>
    </rPh>
    <rPh sb="6" eb="9">
      <t>ニチョウメ</t>
    </rPh>
    <rPh sb="10" eb="11">
      <t>バン</t>
    </rPh>
    <rPh sb="12" eb="13">
      <t>ゴウ</t>
    </rPh>
    <phoneticPr fontId="5"/>
  </si>
  <si>
    <t>16B0100089</t>
  </si>
  <si>
    <t>東岩瀬訪問看護ステーション</t>
  </si>
  <si>
    <t>076-422-3040</t>
  </si>
  <si>
    <t>堀川南</t>
    <rPh sb="0" eb="3">
      <t>ホリカワミナミ</t>
    </rPh>
    <phoneticPr fontId="5"/>
  </si>
  <si>
    <r>
      <t>076-492-</t>
    </r>
    <r>
      <rPr>
        <sz val="11"/>
        <rFont val="ＭＳ Ｐゴシック"/>
        <family val="3"/>
        <charset val="128"/>
      </rPr>
      <t>6676</t>
    </r>
  </si>
  <si>
    <t>076-482-3091</t>
  </si>
  <si>
    <t>富山市手屋三丁目８番３９号</t>
  </si>
  <si>
    <t>16B0100097</t>
  </si>
  <si>
    <t>076-452-5455</t>
  </si>
  <si>
    <t>栗山介護医療院</t>
    <rPh sb="0" eb="2">
      <t>クリヤマ</t>
    </rPh>
    <rPh sb="2" eb="4">
      <t>カイゴ</t>
    </rPh>
    <rPh sb="4" eb="6">
      <t>イリョウ</t>
    </rPh>
    <rPh sb="6" eb="7">
      <t>イン</t>
    </rPh>
    <phoneticPr fontId="5"/>
  </si>
  <si>
    <t>076-422-0180</t>
  </si>
  <si>
    <t>076-471-5020</t>
  </si>
  <si>
    <t>富山市長江本町１８番１号</t>
    <rPh sb="3" eb="7">
      <t>ナガエホンマチ</t>
    </rPh>
    <rPh sb="9" eb="10">
      <t>バン</t>
    </rPh>
    <rPh sb="11" eb="12">
      <t>ゴウ</t>
    </rPh>
    <phoneticPr fontId="5"/>
  </si>
  <si>
    <t>076-422-0188</t>
  </si>
  <si>
    <r>
      <t>特別養護老人ホーム くれは</t>
    </r>
    <r>
      <rPr>
        <sz val="11"/>
        <rFont val="ＭＳ Ｐゴシック"/>
        <family val="3"/>
        <charset val="128"/>
      </rPr>
      <t>苑</t>
    </r>
    <rPh sb="0" eb="2">
      <t>トクベツ</t>
    </rPh>
    <rPh sb="2" eb="6">
      <t>ヨウゴロウジン</t>
    </rPh>
    <rPh sb="13" eb="14">
      <t>エン</t>
    </rPh>
    <phoneticPr fontId="5"/>
  </si>
  <si>
    <r>
      <t>076-</t>
    </r>
    <r>
      <rPr>
        <sz val="11"/>
        <rFont val="ＭＳ Ｐゴシック"/>
        <family val="3"/>
        <charset val="128"/>
      </rPr>
      <t>461-7265</t>
    </r>
  </si>
  <si>
    <r>
      <t>076-433-</t>
    </r>
    <r>
      <rPr>
        <sz val="11"/>
        <rFont val="ＭＳ Ｐゴシック"/>
        <family val="3"/>
        <charset val="128"/>
      </rPr>
      <t>2592</t>
    </r>
  </si>
  <si>
    <r>
      <t>076-</t>
    </r>
    <r>
      <rPr>
        <sz val="11"/>
        <rFont val="ＭＳ Ｐゴシック"/>
        <family val="3"/>
        <charset val="128"/>
      </rPr>
      <t>431-3133</t>
    </r>
  </si>
  <si>
    <r>
      <t>076-469-</t>
    </r>
    <r>
      <rPr>
        <sz val="11"/>
        <rFont val="ＭＳ Ｐゴシック"/>
        <family val="3"/>
        <charset val="128"/>
      </rPr>
      <t>6323</t>
    </r>
  </si>
  <si>
    <t>西田地方</t>
    <rPh sb="0" eb="1">
      <t>ニシ</t>
    </rPh>
    <rPh sb="1" eb="2">
      <t>タ</t>
    </rPh>
    <rPh sb="2" eb="4">
      <t>チホウ</t>
    </rPh>
    <phoneticPr fontId="6"/>
  </si>
  <si>
    <r>
      <t>076-</t>
    </r>
    <r>
      <rPr>
        <sz val="11"/>
        <rFont val="ＭＳ Ｐゴシック"/>
        <family val="3"/>
        <charset val="128"/>
      </rPr>
      <t>420-5110</t>
    </r>
  </si>
  <si>
    <t>富山市二口町５丁目１０番地６</t>
    <rPh sb="0" eb="3">
      <t>トヤマシ</t>
    </rPh>
    <rPh sb="3" eb="6">
      <t>フタク</t>
    </rPh>
    <rPh sb="7" eb="9">
      <t>チョウメ</t>
    </rPh>
    <rPh sb="11" eb="12">
      <t>バン</t>
    </rPh>
    <rPh sb="12" eb="13">
      <t>チ</t>
    </rPh>
    <phoneticPr fontId="5"/>
  </si>
  <si>
    <r>
      <t>076-</t>
    </r>
    <r>
      <rPr>
        <sz val="11"/>
        <rFont val="ＭＳ Ｐゴシック"/>
        <family val="3"/>
        <charset val="128"/>
      </rPr>
      <t>420-5120</t>
    </r>
  </si>
  <si>
    <r>
      <t>076-444-</t>
    </r>
    <r>
      <rPr>
        <sz val="11"/>
        <rFont val="ＭＳ Ｐゴシック"/>
        <family val="3"/>
        <charset val="128"/>
      </rPr>
      <t>8840</t>
    </r>
  </si>
  <si>
    <t>076-438-7023</t>
  </si>
  <si>
    <t>富山市高畠町一丁目１３番３５号</t>
    <rPh sb="6" eb="9">
      <t>１チョウメ</t>
    </rPh>
    <rPh sb="11" eb="12">
      <t>バン</t>
    </rPh>
    <rPh sb="14" eb="15">
      <t>ゴウ</t>
    </rPh>
    <phoneticPr fontId="5"/>
  </si>
  <si>
    <t>ヘルパー処あんき家</t>
  </si>
  <si>
    <t>富山赤十字訪問看護ステーション</t>
    <rPh sb="0" eb="4">
      <t>トヤマセキジュウジ</t>
    </rPh>
    <rPh sb="4" eb="6">
      <t>ホウモン</t>
    </rPh>
    <rPh sb="6" eb="8">
      <t>カンゴ</t>
    </rPh>
    <phoneticPr fontId="5"/>
  </si>
  <si>
    <t>富山県看護協会訪問看護ステーションひよどり富山</t>
    <rPh sb="0" eb="2">
      <t>トヤマケン</t>
    </rPh>
    <rPh sb="2" eb="4">
      <t>カンゴ</t>
    </rPh>
    <rPh sb="4" eb="6">
      <t>キョウカイ</t>
    </rPh>
    <rPh sb="6" eb="10">
      <t>ホウモンカンゴ</t>
    </rPh>
    <rPh sb="20" eb="22">
      <t>トヤマ</t>
    </rPh>
    <phoneticPr fontId="5"/>
  </si>
  <si>
    <t>在宅福祉総合センターきずな訪問看護ステーション</t>
    <rPh sb="0" eb="4">
      <t>フクシソウゴウ</t>
    </rPh>
    <rPh sb="12" eb="16">
      <t>ホウモンカンゴ</t>
    </rPh>
    <phoneticPr fontId="5"/>
  </si>
  <si>
    <t>訪問看護ステーションさわやか</t>
    <rPh sb="0" eb="1">
      <t>ホウモン</t>
    </rPh>
    <rPh sb="1" eb="3">
      <t>カンゴ</t>
    </rPh>
    <phoneticPr fontId="5"/>
  </si>
  <si>
    <t>富山市牛島本町二丁目１番５８号</t>
    <rPh sb="0" eb="2">
      <t>トヤマシ</t>
    </rPh>
    <rPh sb="2" eb="6">
      <t>ウシジマホンマチ</t>
    </rPh>
    <rPh sb="6" eb="9">
      <t>２チョウメ</t>
    </rPh>
    <rPh sb="10" eb="11">
      <t>バン</t>
    </rPh>
    <rPh sb="13" eb="14">
      <t>ゴウ</t>
    </rPh>
    <phoneticPr fontId="5"/>
  </si>
  <si>
    <t>076-482-4403</t>
  </si>
  <si>
    <t>寒江</t>
    <rPh sb="0" eb="1">
      <t>サム</t>
    </rPh>
    <rPh sb="1" eb="2">
      <t>エ</t>
    </rPh>
    <phoneticPr fontId="6"/>
  </si>
  <si>
    <t>076-411-8112</t>
  </si>
  <si>
    <t>076-468-3436</t>
  </si>
  <si>
    <t>076-439-3651</t>
  </si>
  <si>
    <t>富山市八尾町福島7丁目42番地</t>
    <rPh sb="0" eb="3">
      <t>トヤマシ</t>
    </rPh>
    <rPh sb="3" eb="6">
      <t>ヤツオマチ</t>
    </rPh>
    <rPh sb="6" eb="8">
      <t>フクジマ</t>
    </rPh>
    <rPh sb="9" eb="11">
      <t>チョウメ</t>
    </rPh>
    <rPh sb="13" eb="15">
      <t>バンチ</t>
    </rPh>
    <phoneticPr fontId="6"/>
  </si>
  <si>
    <t>富山市婦中町笹倉９７番地ハイムササキ１階</t>
    <rPh sb="0" eb="8">
      <t>トヤマシフチュウマチササクラ</t>
    </rPh>
    <rPh sb="10" eb="12">
      <t>バンチ</t>
    </rPh>
    <rPh sb="19" eb="20">
      <t>カイ</t>
    </rPh>
    <phoneticPr fontId="5"/>
  </si>
  <si>
    <t>076-482-2452</t>
  </si>
  <si>
    <t>076-461-5970</t>
  </si>
  <si>
    <t>076-422-3008</t>
  </si>
  <si>
    <t>076-424-2701</t>
  </si>
  <si>
    <t>富山市中市二丁目３番３１号　ファーストオフィス中市Ｂ</t>
    <rPh sb="0" eb="8">
      <t>トヤマシナカイチ２チョウメ</t>
    </rPh>
    <rPh sb="9" eb="10">
      <t>バン</t>
    </rPh>
    <rPh sb="12" eb="13">
      <t>ゴウ</t>
    </rPh>
    <rPh sb="23" eb="25">
      <t>ナカイチ</t>
    </rPh>
    <phoneticPr fontId="5"/>
  </si>
  <si>
    <t>やまふく在宅支援センター</t>
    <rPh sb="4" eb="8">
      <t>ザイタクシエン</t>
    </rPh>
    <phoneticPr fontId="5"/>
  </si>
  <si>
    <t>富山市下タ林１４１</t>
    <rPh sb="0" eb="3">
      <t>トヤマシ</t>
    </rPh>
    <rPh sb="3" eb="4">
      <t>シタ</t>
    </rPh>
    <rPh sb="5" eb="6">
      <t>ハヤシ</t>
    </rPh>
    <phoneticPr fontId="6"/>
  </si>
  <si>
    <t>076-493-7716</t>
  </si>
  <si>
    <t>090-6018-3737</t>
  </si>
  <si>
    <t>080-5727-2594</t>
  </si>
  <si>
    <t>076-452-5457</t>
  </si>
  <si>
    <t>訪問介護ステーションアマビエ</t>
  </si>
  <si>
    <t>076-464-6834</t>
  </si>
  <si>
    <t>076-436-1866</t>
  </si>
  <si>
    <t>076-471-7954</t>
  </si>
  <si>
    <t>076-482-3239</t>
  </si>
  <si>
    <t>076-461-5127</t>
  </si>
  <si>
    <t>16B0100105</t>
  </si>
  <si>
    <t>富山市柳町１－２－１８</t>
  </si>
  <si>
    <t>076-433-8890</t>
  </si>
  <si>
    <t>しらいわ苑デイサ－ビスセンタ－</t>
  </si>
  <si>
    <t>076-455-3852</t>
  </si>
  <si>
    <t>076-491-5035</t>
  </si>
  <si>
    <t>富山市本郷町262番地15</t>
  </si>
  <si>
    <t>076-407-0078</t>
  </si>
  <si>
    <t>076-479-6608</t>
  </si>
  <si>
    <t>デイサービスセンターあざみ</t>
  </si>
  <si>
    <t>076-482-4721</t>
  </si>
  <si>
    <t>076-493-3855</t>
  </si>
  <si>
    <t>訪問看護ステーションだこた</t>
    <rPh sb="0" eb="4">
      <t>ホウモンカンゴ</t>
    </rPh>
    <phoneticPr fontId="5"/>
  </si>
  <si>
    <t>076-478-3868</t>
  </si>
  <si>
    <t>富山市黒崎２９１　コンフォート黒崎２階</t>
    <rPh sb="2" eb="3">
      <t>シ</t>
    </rPh>
    <rPh sb="3" eb="5">
      <t>クロサキ</t>
    </rPh>
    <rPh sb="15" eb="17">
      <t>クロサキ</t>
    </rPh>
    <rPh sb="18" eb="19">
      <t>カイ</t>
    </rPh>
    <phoneticPr fontId="5"/>
  </si>
  <si>
    <t>富山市向新庄町４丁目１４番４８号</t>
  </si>
  <si>
    <t>八尾老人保健施設 風の庭</t>
    <rPh sb="0" eb="2">
      <t>ヤツオ</t>
    </rPh>
    <rPh sb="2" eb="4">
      <t>ロウジン</t>
    </rPh>
    <rPh sb="4" eb="6">
      <t>ホケン</t>
    </rPh>
    <rPh sb="6" eb="8">
      <t>シセツ</t>
    </rPh>
    <rPh sb="9" eb="10">
      <t>カゼ</t>
    </rPh>
    <rPh sb="11" eb="12">
      <t>ニワ</t>
    </rPh>
    <phoneticPr fontId="6"/>
  </si>
  <si>
    <t>076-420-2488</t>
  </si>
  <si>
    <t>ソレイユデイサービスセンター</t>
  </si>
  <si>
    <t>076-451-4123</t>
  </si>
  <si>
    <t>ふれあい工房</t>
  </si>
  <si>
    <t>デイサービスセンター１・２の３</t>
  </si>
  <si>
    <t>076-420-1203</t>
  </si>
  <si>
    <t>076-442-9002</t>
  </si>
  <si>
    <t>076-491-6228</t>
  </si>
  <si>
    <t>076-491-6238</t>
  </si>
  <si>
    <t>076-461-6122</t>
  </si>
  <si>
    <t>076-461-7180</t>
  </si>
  <si>
    <t>076-461-6123</t>
  </si>
  <si>
    <t>076-423-7558</t>
  </si>
  <si>
    <t>076-493-0112</t>
  </si>
  <si>
    <t>076-444-8830</t>
  </si>
  <si>
    <t>富山市上大久保1310番地1</t>
  </si>
  <si>
    <t>076-467-0580</t>
  </si>
  <si>
    <t>ツクイ富山赤田</t>
  </si>
  <si>
    <t>076-424-6131</t>
  </si>
  <si>
    <t>076-461-4403</t>
  </si>
  <si>
    <t>デイサービス　きたえるーむ　富山萩原</t>
  </si>
  <si>
    <t>富山西総合病院介護医療院</t>
    <rPh sb="0" eb="2">
      <t>トヤマ</t>
    </rPh>
    <rPh sb="2" eb="3">
      <t>ニシ</t>
    </rPh>
    <rPh sb="3" eb="5">
      <t>ソウゴウ</t>
    </rPh>
    <rPh sb="5" eb="7">
      <t>ビョウイン</t>
    </rPh>
    <rPh sb="7" eb="9">
      <t>カイゴ</t>
    </rPh>
    <rPh sb="9" eb="11">
      <t>イリョウ</t>
    </rPh>
    <rPh sb="11" eb="12">
      <t>イン</t>
    </rPh>
    <phoneticPr fontId="5"/>
  </si>
  <si>
    <t>076-494-1081</t>
  </si>
  <si>
    <t>富山市黒瀬４５９番地１</t>
    <rPh sb="0" eb="3">
      <t>トヤマシ</t>
    </rPh>
    <rPh sb="3" eb="5">
      <t>クロセ</t>
    </rPh>
    <rPh sb="8" eb="10">
      <t>バンチ</t>
    </rPh>
    <phoneticPr fontId="5"/>
  </si>
  <si>
    <t>富山市上冨居二丁目９番６７号</t>
  </si>
  <si>
    <t>富山市花園町三丁目４－１９ＡＫビル３階</t>
    <rPh sb="0" eb="3">
      <t>トヤマシ</t>
    </rPh>
    <rPh sb="3" eb="9">
      <t>ハナゾノマチサンチョウメ</t>
    </rPh>
    <rPh sb="18" eb="19">
      <t>カイ</t>
    </rPh>
    <phoneticPr fontId="5"/>
  </si>
  <si>
    <t>郵便番号</t>
  </si>
  <si>
    <t>076-481-6659</t>
  </si>
  <si>
    <t>居宅介護支援事業所金泉寺</t>
    <rPh sb="0" eb="8">
      <t>キョタクカイゴシエンジギョウショ</t>
    </rPh>
    <rPh sb="8" eb="11">
      <t>キンセンジ</t>
    </rPh>
    <phoneticPr fontId="5"/>
  </si>
  <si>
    <t>アイリス訪問看護ステーション</t>
    <rPh sb="4" eb="8">
      <t>ホウモンカンゴ</t>
    </rPh>
    <phoneticPr fontId="5"/>
  </si>
  <si>
    <t>とやま生協　ヘルパーステーションまる～な</t>
    <rPh sb="3" eb="5">
      <t>セイキョウ</t>
    </rPh>
    <phoneticPr fontId="5"/>
  </si>
  <si>
    <t>訪問介護事業所エイト・ビイト</t>
    <rPh sb="0" eb="7">
      <t>ホウモンカイゴジギョウショ</t>
    </rPh>
    <phoneticPr fontId="5"/>
  </si>
  <si>
    <t>富山市加納２６４番地２</t>
    <rPh sb="0" eb="5">
      <t>トヤマシカノウ</t>
    </rPh>
    <rPh sb="8" eb="9">
      <t>バン</t>
    </rPh>
    <rPh sb="9" eb="10">
      <t>チ</t>
    </rPh>
    <phoneticPr fontId="5"/>
  </si>
  <si>
    <t>ソフィアメディ訪問看護ステーション富山北</t>
    <rPh sb="19" eb="20">
      <t>キタ</t>
    </rPh>
    <phoneticPr fontId="5"/>
  </si>
  <si>
    <t>訪問介護事業所ピオニー</t>
    <rPh sb="0" eb="7">
      <t>ホウモンカイゴジギョウショ</t>
    </rPh>
    <phoneticPr fontId="5"/>
  </si>
  <si>
    <t>富山市上冨居二丁目２番２７号</t>
    <rPh sb="3" eb="4">
      <t>カミ</t>
    </rPh>
    <rPh sb="4" eb="6">
      <t>フゴウ</t>
    </rPh>
    <rPh sb="6" eb="9">
      <t>2チョウメ</t>
    </rPh>
    <rPh sb="10" eb="11">
      <t>バン</t>
    </rPh>
    <rPh sb="13" eb="14">
      <t>ゴウ</t>
    </rPh>
    <phoneticPr fontId="5"/>
  </si>
  <si>
    <t>富山市中川原新町２７４－５</t>
    <rPh sb="0" eb="3">
      <t>トヤマシ</t>
    </rPh>
    <rPh sb="3" eb="6">
      <t>ナカガワラ</t>
    </rPh>
    <rPh sb="6" eb="8">
      <t>シンマチ</t>
    </rPh>
    <phoneticPr fontId="5"/>
  </si>
  <si>
    <t>訪問看護ステーション　アーチ新庄</t>
    <rPh sb="0" eb="4">
      <t>ホウモンカンゴ</t>
    </rPh>
    <rPh sb="14" eb="16">
      <t>シンジョウ</t>
    </rPh>
    <phoneticPr fontId="5"/>
  </si>
  <si>
    <t>うめばちふちゅう</t>
  </si>
  <si>
    <t>富山市婦中町蔵島１０５８番地２</t>
    <rPh sb="0" eb="2">
      <t>トヤマ</t>
    </rPh>
    <rPh sb="2" eb="3">
      <t>シ</t>
    </rPh>
    <rPh sb="3" eb="5">
      <t>フチュウ</t>
    </rPh>
    <rPh sb="5" eb="6">
      <t>マチ</t>
    </rPh>
    <rPh sb="6" eb="7">
      <t>クラ</t>
    </rPh>
    <rPh sb="7" eb="8">
      <t>シマ</t>
    </rPh>
    <rPh sb="12" eb="14">
      <t>バンチ</t>
    </rPh>
    <phoneticPr fontId="5"/>
  </si>
  <si>
    <t>076-466-0010</t>
  </si>
  <si>
    <t>富山市下赤江町二丁目３番１４号</t>
    <rPh sb="0" eb="3">
      <t>トヤマシ</t>
    </rPh>
    <rPh sb="3" eb="4">
      <t>シタ</t>
    </rPh>
    <rPh sb="4" eb="7">
      <t>アカエチョウ</t>
    </rPh>
    <rPh sb="7" eb="10">
      <t>2チョウメ</t>
    </rPh>
    <rPh sb="11" eb="12">
      <t>バン</t>
    </rPh>
    <rPh sb="14" eb="15">
      <t>ゴウ</t>
    </rPh>
    <phoneticPr fontId="5"/>
  </si>
  <si>
    <t>福祉用具うっちー</t>
    <rPh sb="0" eb="4">
      <t>フクシヨウグ</t>
    </rPh>
    <phoneticPr fontId="5"/>
  </si>
  <si>
    <t>076-423-7803</t>
  </si>
  <si>
    <t>076-405-9189</t>
  </si>
  <si>
    <t>訪問看護ステーションなないろ南</t>
    <rPh sb="0" eb="4">
      <t>ホウモンカンゴ</t>
    </rPh>
    <rPh sb="14" eb="15">
      <t>ミナミ</t>
    </rPh>
    <phoneticPr fontId="5"/>
  </si>
  <si>
    <t>076-461-6194</t>
  </si>
  <si>
    <t>神明</t>
    <rPh sb="0" eb="1">
      <t>カミ</t>
    </rPh>
    <rPh sb="1" eb="2">
      <t>アカ</t>
    </rPh>
    <phoneticPr fontId="5"/>
  </si>
  <si>
    <t>介護老人保健施設アメニティ月岡</t>
    <rPh sb="0" eb="8">
      <t>カイゴロウジンホケンシセツ</t>
    </rPh>
    <rPh sb="13" eb="15">
      <t>ツキオカ</t>
    </rPh>
    <phoneticPr fontId="5"/>
  </si>
  <si>
    <t>さくらニューロ訪問看護ステーション</t>
    <rPh sb="7" eb="9">
      <t>ホウモン</t>
    </rPh>
    <rPh sb="9" eb="11">
      <t>カンゴ</t>
    </rPh>
    <phoneticPr fontId="5"/>
  </si>
  <si>
    <t>076-482-4877</t>
  </si>
  <si>
    <t>みどり苑ケアステーション</t>
    <rPh sb="3" eb="4">
      <t>エン</t>
    </rPh>
    <phoneticPr fontId="5"/>
  </si>
  <si>
    <t>富山市石坂３３２２番地1</t>
  </si>
  <si>
    <t>076-482-3062</t>
  </si>
  <si>
    <t>富山市黒瀬４５３番地１</t>
    <rPh sb="3" eb="5">
      <t>クロセ</t>
    </rPh>
    <rPh sb="8" eb="10">
      <t>バンチ</t>
    </rPh>
    <phoneticPr fontId="5"/>
  </si>
  <si>
    <t>076-413-8355</t>
  </si>
  <si>
    <t>光陽</t>
    <rPh sb="0" eb="1">
      <t>ヒカ</t>
    </rPh>
    <rPh sb="1" eb="2">
      <t>ヨウ</t>
    </rPh>
    <phoneticPr fontId="6"/>
  </si>
  <si>
    <t>もなみ居宅介護支援事業所</t>
  </si>
  <si>
    <t>富山県富山市月岡町六丁目１４５番地</t>
    <rPh sb="6" eb="9">
      <t>ツキオカマチ</t>
    </rPh>
    <rPh sb="9" eb="12">
      <t>ロクチョウメ</t>
    </rPh>
    <rPh sb="15" eb="17">
      <t>バンチ</t>
    </rPh>
    <phoneticPr fontId="5"/>
  </si>
  <si>
    <t>076-437-1181</t>
  </si>
  <si>
    <t>もなみデイサービス</t>
  </si>
  <si>
    <t>富山市大栗３０番地１１</t>
    <rPh sb="0" eb="3">
      <t>トヤマシ</t>
    </rPh>
    <rPh sb="3" eb="5">
      <t>オオクリ</t>
    </rPh>
    <rPh sb="7" eb="9">
      <t>バンチ</t>
    </rPh>
    <phoneticPr fontId="6"/>
  </si>
  <si>
    <t>090-2440-7716</t>
  </si>
  <si>
    <t>076-411-7020</t>
  </si>
  <si>
    <t>076-438-7024</t>
  </si>
  <si>
    <t>荻浦</t>
    <rPh sb="0" eb="2">
      <t>ハギウラ</t>
    </rPh>
    <phoneticPr fontId="5"/>
  </si>
  <si>
    <t>広田</t>
    <rPh sb="0" eb="2">
      <t>ヒロタ</t>
    </rPh>
    <phoneticPr fontId="6"/>
  </si>
  <si>
    <t>076-482-3015</t>
  </si>
  <si>
    <t>（施設・居宅サービス）</t>
    <rPh sb="1" eb="3">
      <t>シセツ</t>
    </rPh>
    <rPh sb="4" eb="6">
      <t>キョタク</t>
    </rPh>
    <phoneticPr fontId="5"/>
  </si>
  <si>
    <t>水橋東部</t>
    <rPh sb="0" eb="2">
      <t>ミズハシ</t>
    </rPh>
    <rPh sb="2" eb="4">
      <t>トウブ</t>
    </rPh>
    <phoneticPr fontId="5"/>
  </si>
  <si>
    <t>ひよこ居宅介護支援事業所</t>
    <rPh sb="3" eb="12">
      <t>キョタクカイゴシエンジギョウショ</t>
    </rPh>
    <phoneticPr fontId="5"/>
  </si>
  <si>
    <t>富山市水橋狐塚３６番地３</t>
    <rPh sb="0" eb="3">
      <t>トヤマシ</t>
    </rPh>
    <rPh sb="3" eb="5">
      <t>ミズハシ</t>
    </rPh>
    <rPh sb="5" eb="7">
      <t>キツネヅカ</t>
    </rPh>
    <rPh sb="9" eb="11">
      <t>バンチ</t>
    </rPh>
    <phoneticPr fontId="5"/>
  </si>
  <si>
    <t>富山市大島二丁目596番地19</t>
    <rPh sb="5" eb="8">
      <t>2チョウメ</t>
    </rPh>
    <rPh sb="11" eb="13">
      <t>バンチ</t>
    </rPh>
    <phoneticPr fontId="5"/>
  </si>
  <si>
    <t>奥田北</t>
  </si>
  <si>
    <t>076-461-4568</t>
  </si>
  <si>
    <t>富山市下堀50番地6</t>
    <rPh sb="7" eb="9">
      <t>バンチ</t>
    </rPh>
    <phoneticPr fontId="5"/>
  </si>
  <si>
    <t>富山市水橋小路287番地1</t>
    <rPh sb="0" eb="3">
      <t>トヤマシ</t>
    </rPh>
    <rPh sb="3" eb="5">
      <t>ミズハシ</t>
    </rPh>
    <rPh sb="5" eb="7">
      <t>ショウジ</t>
    </rPh>
    <rPh sb="10" eb="12">
      <t>バンチ</t>
    </rPh>
    <phoneticPr fontId="5"/>
  </si>
  <si>
    <t>萩野病院介護医療院</t>
    <rPh sb="0" eb="2">
      <t>ハギノ</t>
    </rPh>
    <rPh sb="2" eb="4">
      <t>ビョウイン</t>
    </rPh>
    <rPh sb="4" eb="9">
      <t>カイゴイリョウイン</t>
    </rPh>
    <phoneticPr fontId="6"/>
  </si>
  <si>
    <t>婦中</t>
    <rPh sb="0" eb="2">
      <t>フチュウ</t>
    </rPh>
    <phoneticPr fontId="6"/>
  </si>
  <si>
    <t>訪問看護ステーションホームナース陽なた</t>
    <rPh sb="0" eb="4">
      <t>ホウモンカンゴ</t>
    </rPh>
    <rPh sb="16" eb="17">
      <t>ヨウ</t>
    </rPh>
    <phoneticPr fontId="5"/>
  </si>
  <si>
    <t>富山市城村３７１番地</t>
    <rPh sb="0" eb="5">
      <t>トヤマシジョウムラ</t>
    </rPh>
    <rPh sb="8" eb="10">
      <t>バンチ</t>
    </rPh>
    <phoneticPr fontId="5"/>
  </si>
  <si>
    <t>デイサービスこのゆびとーまれ向い</t>
    <rPh sb="14" eb="15">
      <t>ムカ</t>
    </rPh>
    <phoneticPr fontId="6"/>
  </si>
  <si>
    <t>076-461-5673</t>
  </si>
  <si>
    <t>富山市中冨居１５番７３号</t>
    <rPh sb="0" eb="3">
      <t>トヤマシ</t>
    </rPh>
    <rPh sb="3" eb="6">
      <t>ナカフゴ</t>
    </rPh>
    <rPh sb="8" eb="9">
      <t>バン</t>
    </rPh>
    <rPh sb="11" eb="12">
      <t>ゴウ</t>
    </rPh>
    <phoneticPr fontId="5"/>
  </si>
  <si>
    <t>富山市中冨居１５番７３号</t>
    <rPh sb="0" eb="3">
      <t>トヤマシ</t>
    </rPh>
    <rPh sb="3" eb="6">
      <t>ナカフゴ</t>
    </rPh>
    <rPh sb="8" eb="9">
      <t>バン</t>
    </rPh>
    <rPh sb="11" eb="12">
      <t>ゴウ</t>
    </rPh>
    <phoneticPr fontId="6"/>
  </si>
  <si>
    <t>富山市下新町１６番１１号</t>
    <rPh sb="0" eb="6">
      <t>トヤマシシモシンマチ</t>
    </rPh>
    <rPh sb="8" eb="9">
      <t>バン</t>
    </rPh>
    <rPh sb="11" eb="12">
      <t>ゴウ</t>
    </rPh>
    <phoneticPr fontId="5"/>
  </si>
  <si>
    <t>076-482-4221</t>
  </si>
  <si>
    <t>富山市下堀７番地</t>
    <rPh sb="0" eb="3">
      <t>トヤマシ</t>
    </rPh>
    <rPh sb="3" eb="5">
      <t>シモホリ</t>
    </rPh>
    <rPh sb="6" eb="8">
      <t>バンチ</t>
    </rPh>
    <phoneticPr fontId="5"/>
  </si>
  <si>
    <t>富山市下堀７番地</t>
    <rPh sb="0" eb="2">
      <t>トヤマ</t>
    </rPh>
    <rPh sb="2" eb="3">
      <t>シ</t>
    </rPh>
    <rPh sb="3" eb="4">
      <t>シモ</t>
    </rPh>
    <rPh sb="4" eb="5">
      <t>ホリ</t>
    </rPh>
    <rPh sb="6" eb="8">
      <t>バンチ</t>
    </rPh>
    <phoneticPr fontId="5"/>
  </si>
  <si>
    <t>富山市向新庄町四丁目１４番４８号　新庄ヒルズⅡ内</t>
    <rPh sb="0" eb="7">
      <t>トヤマシムカイシンジョウマチ</t>
    </rPh>
    <rPh sb="7" eb="10">
      <t>4チョウメ</t>
    </rPh>
    <rPh sb="12" eb="13">
      <t>バン</t>
    </rPh>
    <rPh sb="15" eb="16">
      <t>ゴウ</t>
    </rPh>
    <rPh sb="17" eb="19">
      <t>シンジョウ</t>
    </rPh>
    <rPh sb="23" eb="24">
      <t>ナイ</t>
    </rPh>
    <phoneticPr fontId="5"/>
  </si>
  <si>
    <t>訪問看護ステーション悠ライフ富山</t>
    <rPh sb="0" eb="4">
      <t>ホウモンカンゴ</t>
    </rPh>
    <rPh sb="10" eb="11">
      <t>ユウ</t>
    </rPh>
    <rPh sb="14" eb="16">
      <t>トヤマ</t>
    </rPh>
    <phoneticPr fontId="5"/>
  </si>
  <si>
    <t>076-413-7606</t>
  </si>
  <si>
    <t>076-411-4612</t>
  </si>
  <si>
    <t>富山市五福１１６番地</t>
    <rPh sb="3" eb="4">
      <t>ゴ</t>
    </rPh>
    <rPh sb="4" eb="5">
      <t>フク</t>
    </rPh>
    <rPh sb="8" eb="10">
      <t>バンチ</t>
    </rPh>
    <phoneticPr fontId="6"/>
  </si>
  <si>
    <t>富山市松若町11-20</t>
  </si>
  <si>
    <t>ショートステイむつみの里</t>
  </si>
  <si>
    <t>月岡</t>
    <rPh sb="0" eb="2">
      <t>ツキオカ</t>
    </rPh>
    <phoneticPr fontId="6"/>
  </si>
  <si>
    <t>はなさき苑 デイサービスセンター</t>
    <rPh sb="4" eb="5">
      <t>エン</t>
    </rPh>
    <phoneticPr fontId="6"/>
  </si>
  <si>
    <t>富山市花崎８０番地</t>
    <rPh sb="0" eb="3">
      <t>トヤマシ</t>
    </rPh>
    <rPh sb="3" eb="5">
      <t>ハナサキ</t>
    </rPh>
    <rPh sb="7" eb="9">
      <t>バンチ</t>
    </rPh>
    <phoneticPr fontId="6"/>
  </si>
  <si>
    <t>柳町</t>
    <rPh sb="0" eb="2">
      <t>ヤナギマチ</t>
    </rPh>
    <phoneticPr fontId="6"/>
  </si>
  <si>
    <t>のりみねデイサービスセンター</t>
  </si>
  <si>
    <t>八尾</t>
    <rPh sb="0" eb="2">
      <t>ヤツオ</t>
    </rPh>
    <phoneticPr fontId="6"/>
  </si>
  <si>
    <t>076-454-5353</t>
  </si>
  <si>
    <t>倉垣</t>
    <rPh sb="0" eb="1">
      <t>クラ</t>
    </rPh>
    <rPh sb="1" eb="2">
      <t>カキ</t>
    </rPh>
    <phoneticPr fontId="6"/>
  </si>
  <si>
    <t>ニチイケアセンター婦中</t>
    <rPh sb="9" eb="11">
      <t>フチュウ</t>
    </rPh>
    <phoneticPr fontId="6"/>
  </si>
  <si>
    <t>太田</t>
    <rPh sb="0" eb="2">
      <t>オオタ</t>
    </rPh>
    <phoneticPr fontId="6"/>
  </si>
  <si>
    <t>デイホーム福祉の里</t>
    <rPh sb="5" eb="7">
      <t>フクシ</t>
    </rPh>
    <rPh sb="8" eb="9">
      <t>サト</t>
    </rPh>
    <phoneticPr fontId="6"/>
  </si>
  <si>
    <t>長岡</t>
    <rPh sb="0" eb="2">
      <t>ナガオカ</t>
    </rPh>
    <phoneticPr fontId="6"/>
  </si>
  <si>
    <t>富山市八木山56番地</t>
  </si>
  <si>
    <t>とやまケアセンターそよ風</t>
    <rPh sb="11" eb="12">
      <t>カゼ</t>
    </rPh>
    <phoneticPr fontId="6"/>
  </si>
  <si>
    <t>椿寿荘デイサービスセンター</t>
    <rPh sb="0" eb="1">
      <t>ツバキ</t>
    </rPh>
    <rPh sb="1" eb="2">
      <t>コトブキ</t>
    </rPh>
    <rPh sb="2" eb="3">
      <t>ソウ</t>
    </rPh>
    <phoneticPr fontId="6"/>
  </si>
  <si>
    <t>富山市太郎丸本町１丁目10－23</t>
    <rPh sb="0" eb="3">
      <t>トヤマシ</t>
    </rPh>
    <rPh sb="3" eb="6">
      <t>タロウマル</t>
    </rPh>
    <rPh sb="6" eb="8">
      <t>ホンマチ</t>
    </rPh>
    <rPh sb="9" eb="11">
      <t>チョウメ</t>
    </rPh>
    <phoneticPr fontId="6"/>
  </si>
  <si>
    <t>光陽</t>
    <rPh sb="0" eb="1">
      <t>ヒカリ</t>
    </rPh>
    <rPh sb="1" eb="2">
      <t>ヨウ</t>
    </rPh>
    <phoneticPr fontId="6"/>
  </si>
  <si>
    <t>堀川南光風苑</t>
    <rPh sb="0" eb="2">
      <t>ホリカワ</t>
    </rPh>
    <rPh sb="2" eb="3">
      <t>ミナミ</t>
    </rPh>
    <rPh sb="3" eb="4">
      <t>ヒカリ</t>
    </rPh>
    <rPh sb="4" eb="5">
      <t>カゼ</t>
    </rPh>
    <rPh sb="5" eb="6">
      <t>エン</t>
    </rPh>
    <phoneticPr fontId="6"/>
  </si>
  <si>
    <t>富山市稲荷町４丁目３番１６号</t>
    <rPh sb="0" eb="3">
      <t>トヤマシ</t>
    </rPh>
    <rPh sb="3" eb="6">
      <t>イナリマチ</t>
    </rPh>
    <rPh sb="7" eb="9">
      <t>チョウメ</t>
    </rPh>
    <rPh sb="10" eb="11">
      <t>バン</t>
    </rPh>
    <rPh sb="13" eb="14">
      <t>ゴウ</t>
    </rPh>
    <phoneticPr fontId="6"/>
  </si>
  <si>
    <t>富山市下赤江町二丁目３－１４</t>
    <rPh sb="0" eb="3">
      <t>トヤマシ</t>
    </rPh>
    <rPh sb="3" eb="7">
      <t>シモアカエマチ</t>
    </rPh>
    <rPh sb="7" eb="8">
      <t>フタ</t>
    </rPh>
    <rPh sb="8" eb="10">
      <t>チョウメ</t>
    </rPh>
    <phoneticPr fontId="6"/>
  </si>
  <si>
    <t>桜谷</t>
    <rPh sb="0" eb="2">
      <t>サクラダニ</t>
    </rPh>
    <phoneticPr fontId="6"/>
  </si>
  <si>
    <t>しみずまち敬寿苑デイサービスセンター</t>
    <rPh sb="5" eb="8">
      <t>ケイジュエン</t>
    </rPh>
    <phoneticPr fontId="6"/>
  </si>
  <si>
    <t>富山市清水町二丁目6番23号</t>
    <rPh sb="6" eb="7">
      <t>２</t>
    </rPh>
    <rPh sb="10" eb="11">
      <t>バン</t>
    </rPh>
    <rPh sb="13" eb="14">
      <t>ゴウ</t>
    </rPh>
    <phoneticPr fontId="6"/>
  </si>
  <si>
    <t>富山市富岡町３６５番地</t>
    <rPh sb="0" eb="3">
      <t>トヤマシ</t>
    </rPh>
    <rPh sb="3" eb="5">
      <t>トミオカ</t>
    </rPh>
    <rPh sb="5" eb="6">
      <t>マチ</t>
    </rPh>
    <rPh sb="9" eb="11">
      <t>バンチ</t>
    </rPh>
    <phoneticPr fontId="6"/>
  </si>
  <si>
    <t>東部</t>
    <rPh sb="0" eb="2">
      <t>トウブ</t>
    </rPh>
    <phoneticPr fontId="6"/>
  </si>
  <si>
    <t>富山市水橋中村町２番地２</t>
    <rPh sb="0" eb="3">
      <t>トヤマシ</t>
    </rPh>
    <rPh sb="3" eb="5">
      <t>ミズハシ</t>
    </rPh>
    <rPh sb="5" eb="7">
      <t>ナカムラ</t>
    </rPh>
    <rPh sb="7" eb="8">
      <t>マチ</t>
    </rPh>
    <rPh sb="9" eb="11">
      <t>バンチ</t>
    </rPh>
    <phoneticPr fontId="6"/>
  </si>
  <si>
    <t>水橋中部</t>
    <rPh sb="0" eb="2">
      <t>ミズハシ</t>
    </rPh>
    <rPh sb="2" eb="4">
      <t>チュウブ</t>
    </rPh>
    <phoneticPr fontId="6"/>
  </si>
  <si>
    <t>老人デイサービスセンターくれは苑</t>
    <rPh sb="0" eb="2">
      <t>ロウジン</t>
    </rPh>
    <rPh sb="15" eb="16">
      <t>エン</t>
    </rPh>
    <phoneticPr fontId="6"/>
  </si>
  <si>
    <t>老田</t>
    <rPh sb="0" eb="2">
      <t>オイダ</t>
    </rPh>
    <phoneticPr fontId="6"/>
  </si>
  <si>
    <t>かえでデイサービス黒崎</t>
  </si>
  <si>
    <t>コスモスの里大江干</t>
    <rPh sb="5" eb="6">
      <t>サト</t>
    </rPh>
    <rPh sb="6" eb="9">
      <t>オオエボシ</t>
    </rPh>
    <phoneticPr fontId="6"/>
  </si>
  <si>
    <t>デイサービス笑美寿</t>
    <rPh sb="6" eb="7">
      <t>ワラ</t>
    </rPh>
    <rPh sb="7" eb="8">
      <t>ビ</t>
    </rPh>
    <rPh sb="8" eb="9">
      <t>コトブキ</t>
    </rPh>
    <phoneticPr fontId="6"/>
  </si>
  <si>
    <t>富山市中島２丁目１番４３号</t>
    <rPh sb="3" eb="5">
      <t>ナカジマ</t>
    </rPh>
    <rPh sb="6" eb="8">
      <t>チョウメ</t>
    </rPh>
    <rPh sb="9" eb="10">
      <t>バン</t>
    </rPh>
    <rPh sb="12" eb="13">
      <t>ゴウ</t>
    </rPh>
    <phoneticPr fontId="6"/>
  </si>
  <si>
    <t>奥田北</t>
    <rPh sb="0" eb="2">
      <t>オクダ</t>
    </rPh>
    <rPh sb="2" eb="3">
      <t>キタ</t>
    </rPh>
    <phoneticPr fontId="6"/>
  </si>
  <si>
    <t>水橋西部</t>
    <rPh sb="0" eb="2">
      <t>ミズハシ</t>
    </rPh>
    <rPh sb="2" eb="4">
      <t>セイブ</t>
    </rPh>
    <phoneticPr fontId="6"/>
  </si>
  <si>
    <t>あいあいおくだの家あいあいデイサービス</t>
    <rPh sb="8" eb="9">
      <t>イエ</t>
    </rPh>
    <phoneticPr fontId="6"/>
  </si>
  <si>
    <t>針原</t>
    <rPh sb="0" eb="1">
      <t>ハリ</t>
    </rPh>
    <rPh sb="1" eb="2">
      <t>ハラ</t>
    </rPh>
    <phoneticPr fontId="6"/>
  </si>
  <si>
    <t>富山市山室８２－１</t>
    <rPh sb="0" eb="3">
      <t>トヤマシ</t>
    </rPh>
    <rPh sb="3" eb="5">
      <t>ヤマムロ</t>
    </rPh>
    <phoneticPr fontId="6"/>
  </si>
  <si>
    <t>富山市婦中町羽根１０９２番２</t>
    <rPh sb="0" eb="3">
      <t>トヤマシ</t>
    </rPh>
    <rPh sb="3" eb="6">
      <t>フチュウマチ</t>
    </rPh>
    <rPh sb="6" eb="8">
      <t>ハネ</t>
    </rPh>
    <rPh sb="12" eb="13">
      <t>バン</t>
    </rPh>
    <phoneticPr fontId="6"/>
  </si>
  <si>
    <t>四方</t>
    <rPh sb="0" eb="2">
      <t>ヨモ</t>
    </rPh>
    <phoneticPr fontId="6"/>
  </si>
  <si>
    <t>076-413-5745</t>
  </si>
  <si>
    <t>ツクイ富山</t>
    <rPh sb="3" eb="5">
      <t>トヤマ</t>
    </rPh>
    <phoneticPr fontId="6"/>
  </si>
  <si>
    <t>訪問介護ステーション悠ライフ富山奥田</t>
  </si>
  <si>
    <t>新保</t>
    <rPh sb="0" eb="2">
      <t>シンボ</t>
    </rPh>
    <phoneticPr fontId="6"/>
  </si>
  <si>
    <t>富山市下新北町６番４５号</t>
    <rPh sb="0" eb="3">
      <t>トヤマシ</t>
    </rPh>
    <rPh sb="3" eb="4">
      <t>シタ</t>
    </rPh>
    <rPh sb="4" eb="5">
      <t>シン</t>
    </rPh>
    <rPh sb="5" eb="7">
      <t>キタマチ</t>
    </rPh>
    <rPh sb="8" eb="9">
      <t>バン</t>
    </rPh>
    <rPh sb="11" eb="12">
      <t>ゴウ</t>
    </rPh>
    <phoneticPr fontId="6"/>
  </si>
  <si>
    <t>ツクイ富山上冨居</t>
    <rPh sb="3" eb="5">
      <t>トヤマ</t>
    </rPh>
    <rPh sb="5" eb="6">
      <t>ウエ</t>
    </rPh>
    <rPh sb="6" eb="7">
      <t>トミ</t>
    </rPh>
    <rPh sb="7" eb="8">
      <t>キョ</t>
    </rPh>
    <phoneticPr fontId="6"/>
  </si>
  <si>
    <t>076-438-9256</t>
  </si>
  <si>
    <t>富山市上冨居３丁目１番２９号</t>
    <rPh sb="0" eb="3">
      <t>トヤマシ</t>
    </rPh>
    <rPh sb="3" eb="4">
      <t>ウエ</t>
    </rPh>
    <rPh sb="4" eb="5">
      <t>トミ</t>
    </rPh>
    <rPh sb="5" eb="6">
      <t>キョ</t>
    </rPh>
    <rPh sb="7" eb="9">
      <t>チョウメ</t>
    </rPh>
    <rPh sb="10" eb="11">
      <t>バン</t>
    </rPh>
    <rPh sb="13" eb="14">
      <t>ゴウ</t>
    </rPh>
    <phoneticPr fontId="6"/>
  </si>
  <si>
    <t>富山市吉作４７０４－２</t>
    <rPh sb="0" eb="3">
      <t>トヤマシ</t>
    </rPh>
    <rPh sb="3" eb="4">
      <t>キチ</t>
    </rPh>
    <rPh sb="4" eb="5">
      <t>ツク</t>
    </rPh>
    <phoneticPr fontId="6"/>
  </si>
  <si>
    <t>大広田</t>
    <rPh sb="0" eb="3">
      <t>オオヒロタ</t>
    </rPh>
    <phoneticPr fontId="6"/>
  </si>
  <si>
    <t>富山市水橋小路287-1</t>
    <rPh sb="5" eb="6">
      <t>ショウ</t>
    </rPh>
    <rPh sb="6" eb="7">
      <t>ジ</t>
    </rPh>
    <phoneticPr fontId="6"/>
  </si>
  <si>
    <t>在宅福祉総合センターひまわりデイサービスセンター</t>
    <rPh sb="0" eb="2">
      <t>ザイタク</t>
    </rPh>
    <rPh sb="2" eb="4">
      <t>フクシ</t>
    </rPh>
    <rPh sb="4" eb="6">
      <t>ソウゴウ</t>
    </rPh>
    <phoneticPr fontId="6"/>
  </si>
  <si>
    <t>076-461-7788</t>
  </si>
  <si>
    <t>富山市天正寺1291番地</t>
    <rPh sb="0" eb="3">
      <t>トヤマシ</t>
    </rPh>
    <rPh sb="3" eb="6">
      <t>テンショウジ</t>
    </rPh>
    <rPh sb="10" eb="12">
      <t>バンチ</t>
    </rPh>
    <phoneticPr fontId="6"/>
  </si>
  <si>
    <t>富山市四方１１３３番地１</t>
    <rPh sb="3" eb="4">
      <t>ヨン</t>
    </rPh>
    <rPh sb="4" eb="5">
      <t>カタ</t>
    </rPh>
    <rPh sb="9" eb="11">
      <t>バンチ</t>
    </rPh>
    <phoneticPr fontId="6"/>
  </si>
  <si>
    <t>富山市奥井町4番36号</t>
    <rPh sb="2" eb="3">
      <t>シ</t>
    </rPh>
    <rPh sb="3" eb="6">
      <t>オクイマチ</t>
    </rPh>
    <rPh sb="7" eb="8">
      <t>バン</t>
    </rPh>
    <rPh sb="10" eb="11">
      <t>ゴウ</t>
    </rPh>
    <phoneticPr fontId="6"/>
  </si>
  <si>
    <t>桜谷</t>
    <rPh sb="0" eb="1">
      <t>サクラ</t>
    </rPh>
    <rPh sb="1" eb="2">
      <t>タニ</t>
    </rPh>
    <phoneticPr fontId="6"/>
  </si>
  <si>
    <t>デイサービス笑美寿東</t>
    <rPh sb="6" eb="7">
      <t>エ</t>
    </rPh>
    <rPh sb="7" eb="8">
      <t>ビ</t>
    </rPh>
    <rPh sb="8" eb="9">
      <t>コトブキ</t>
    </rPh>
    <rPh sb="9" eb="10">
      <t>ヒガシ</t>
    </rPh>
    <phoneticPr fontId="6"/>
  </si>
  <si>
    <t>富山市中島三丁目８番33号</t>
    <rPh sb="0" eb="3">
      <t>トヤマシ</t>
    </rPh>
    <rPh sb="3" eb="5">
      <t>ナカジマ</t>
    </rPh>
    <rPh sb="5" eb="8">
      <t>サンチョウメ</t>
    </rPh>
    <rPh sb="9" eb="10">
      <t>バン</t>
    </rPh>
    <rPh sb="12" eb="13">
      <t>ゴウ</t>
    </rPh>
    <phoneticPr fontId="6"/>
  </si>
  <si>
    <t>きたえるーむ富山長江</t>
    <rPh sb="5" eb="7">
      <t>トヤマ</t>
    </rPh>
    <rPh sb="7" eb="9">
      <t>ナガエ</t>
    </rPh>
    <phoneticPr fontId="6"/>
  </si>
  <si>
    <t>富山市長江一丁目５番２０号</t>
    <rPh sb="0" eb="2">
      <t>トヤマシ</t>
    </rPh>
    <rPh sb="2" eb="4">
      <t>ナガエ</t>
    </rPh>
    <rPh sb="4" eb="7">
      <t>イッチョウメ</t>
    </rPh>
    <rPh sb="8" eb="9">
      <t>バン</t>
    </rPh>
    <rPh sb="11" eb="12">
      <t>ゴウ</t>
    </rPh>
    <phoneticPr fontId="6"/>
  </si>
  <si>
    <t>076-411-7361</t>
  </si>
  <si>
    <t>富山市小泉町11番地</t>
    <rPh sb="0" eb="3">
      <t>トヤマシ</t>
    </rPh>
    <rPh sb="3" eb="6">
      <t>コイズミチョウ</t>
    </rPh>
    <rPh sb="8" eb="10">
      <t>バンチ</t>
    </rPh>
    <phoneticPr fontId="6"/>
  </si>
  <si>
    <t>堀川</t>
    <rPh sb="0" eb="2">
      <t>ホリカワ</t>
    </rPh>
    <phoneticPr fontId="6"/>
  </si>
  <si>
    <t>富山市石坂新830番地１</t>
    <rPh sb="0" eb="3">
      <t>トヤマシ</t>
    </rPh>
    <rPh sb="3" eb="5">
      <t>イシザカ</t>
    </rPh>
    <rPh sb="5" eb="6">
      <t>シン</t>
    </rPh>
    <rPh sb="9" eb="11">
      <t>バンチ</t>
    </rPh>
    <phoneticPr fontId="6"/>
  </si>
  <si>
    <t>新庄</t>
    <rPh sb="0" eb="2">
      <t>シンジョウ</t>
    </rPh>
    <phoneticPr fontId="6"/>
  </si>
  <si>
    <t>ロコモ予防貯筋デイかがやき</t>
    <rPh sb="3" eb="5">
      <t>ヨボウ</t>
    </rPh>
    <rPh sb="5" eb="6">
      <t>チョ</t>
    </rPh>
    <rPh sb="6" eb="7">
      <t>スジ</t>
    </rPh>
    <phoneticPr fontId="6"/>
  </si>
  <si>
    <t>四方</t>
    <rPh sb="0" eb="2">
      <t>ヨカタ</t>
    </rPh>
    <phoneticPr fontId="6"/>
  </si>
  <si>
    <t>富山市婦中町下轡田1001番地</t>
  </si>
  <si>
    <t>青い鳥デイサービス</t>
    <rPh sb="0" eb="1">
      <t>アオ</t>
    </rPh>
    <rPh sb="2" eb="3">
      <t>トリ</t>
    </rPh>
    <phoneticPr fontId="6"/>
  </si>
  <si>
    <t>富山市根塚町三丁目９番地１２</t>
    <rPh sb="0" eb="3">
      <t>トヤマシ</t>
    </rPh>
    <phoneticPr fontId="6"/>
  </si>
  <si>
    <t>とやま金泉寺ケアセンターそよ風</t>
    <rPh sb="3" eb="6">
      <t>キンセンジ</t>
    </rPh>
    <rPh sb="14" eb="15">
      <t>カゼ</t>
    </rPh>
    <phoneticPr fontId="6"/>
  </si>
  <si>
    <t>富山市中野新29番地１</t>
    <rPh sb="0" eb="3">
      <t>トヤマシ</t>
    </rPh>
    <rPh sb="3" eb="5">
      <t>ナカノ</t>
    </rPh>
    <rPh sb="5" eb="6">
      <t>シン</t>
    </rPh>
    <rPh sb="8" eb="9">
      <t>バン</t>
    </rPh>
    <rPh sb="9" eb="10">
      <t>チ</t>
    </rPh>
    <phoneticPr fontId="6"/>
  </si>
  <si>
    <t>富山市北新町二丁目1番14号</t>
    <rPh sb="0" eb="3">
      <t>トヤマシ</t>
    </rPh>
    <rPh sb="3" eb="5">
      <t>ホクシン</t>
    </rPh>
    <rPh sb="5" eb="6">
      <t>マチ</t>
    </rPh>
    <rPh sb="6" eb="9">
      <t>ニチョウメ</t>
    </rPh>
    <rPh sb="10" eb="11">
      <t>バン</t>
    </rPh>
    <rPh sb="13" eb="14">
      <t>ゴウ</t>
    </rPh>
    <phoneticPr fontId="6"/>
  </si>
  <si>
    <t>堀川南</t>
    <rPh sb="0" eb="3">
      <t>ホリカワミナミ</t>
    </rPh>
    <phoneticPr fontId="6"/>
  </si>
  <si>
    <t>藤木</t>
    <rPh sb="0" eb="2">
      <t>フジノキ</t>
    </rPh>
    <phoneticPr fontId="6"/>
  </si>
  <si>
    <t>城南通所リハビリセンター</t>
    <rPh sb="0" eb="4">
      <t>ジョウナンツウショ</t>
    </rPh>
    <phoneticPr fontId="6"/>
  </si>
  <si>
    <t>富山市八尾町福島７－４２</t>
    <rPh sb="0" eb="3">
      <t>トヤマシ</t>
    </rPh>
    <rPh sb="3" eb="5">
      <t>ヤツオ</t>
    </rPh>
    <rPh sb="5" eb="6">
      <t>マチ</t>
    </rPh>
    <rPh sb="6" eb="8">
      <t>フクシマ</t>
    </rPh>
    <phoneticPr fontId="6"/>
  </si>
  <si>
    <t>富山市太郎丸西町１丁目６番地６</t>
    <rPh sb="12" eb="14">
      <t>バンチ</t>
    </rPh>
    <phoneticPr fontId="6"/>
  </si>
  <si>
    <t>介護老人保健施設　仁泉メディケア</t>
    <rPh sb="0" eb="2">
      <t>カイゴ</t>
    </rPh>
    <phoneticPr fontId="6"/>
  </si>
  <si>
    <t>076-495-6668</t>
  </si>
  <si>
    <t>介護老人保健施設　富山リハビリテーションホーム</t>
    <rPh sb="0" eb="2">
      <t>カイゴ</t>
    </rPh>
    <phoneticPr fontId="6"/>
  </si>
  <si>
    <t>総曲輪</t>
    <rPh sb="0" eb="1">
      <t>ソウ</t>
    </rPh>
    <rPh sb="1" eb="2">
      <t>キョク</t>
    </rPh>
    <rPh sb="2" eb="3">
      <t>ワ</t>
    </rPh>
    <phoneticPr fontId="6"/>
  </si>
  <si>
    <t>介護老人保健施設 豊佳苑</t>
    <rPh sb="0" eb="2">
      <t>カイゴ</t>
    </rPh>
    <rPh sb="2" eb="4">
      <t>ロウジン</t>
    </rPh>
    <rPh sb="4" eb="6">
      <t>ホケン</t>
    </rPh>
    <rPh sb="6" eb="8">
      <t>シセツ</t>
    </rPh>
    <rPh sb="9" eb="10">
      <t>トヨ</t>
    </rPh>
    <rPh sb="10" eb="11">
      <t>ヨシ</t>
    </rPh>
    <rPh sb="11" eb="12">
      <t>ソノ</t>
    </rPh>
    <phoneticPr fontId="6"/>
  </si>
  <si>
    <t>富山市婦中町萩島６６５－１</t>
    <rPh sb="0" eb="3">
      <t>トヤマシ</t>
    </rPh>
    <rPh sb="3" eb="6">
      <t>フチュウマチ</t>
    </rPh>
    <rPh sb="6" eb="7">
      <t>ハギ</t>
    </rPh>
    <rPh sb="7" eb="8">
      <t>シマ</t>
    </rPh>
    <phoneticPr fontId="6"/>
  </si>
  <si>
    <t>介護老人保健施設　シルバーケア羽根苑</t>
    <rPh sb="0" eb="2">
      <t>カイゴ</t>
    </rPh>
    <rPh sb="2" eb="4">
      <t>ロウジン</t>
    </rPh>
    <rPh sb="4" eb="6">
      <t>ホケン</t>
    </rPh>
    <rPh sb="6" eb="8">
      <t>シセツ</t>
    </rPh>
    <rPh sb="15" eb="17">
      <t>ハネ</t>
    </rPh>
    <rPh sb="17" eb="18">
      <t>エン</t>
    </rPh>
    <phoneticPr fontId="6"/>
  </si>
  <si>
    <t>居宅介護支援事業所とやま</t>
  </si>
  <si>
    <t>富山市太郎丸本町１丁目８－１</t>
    <rPh sb="6" eb="8">
      <t>ホンマチ</t>
    </rPh>
    <phoneticPr fontId="5"/>
  </si>
  <si>
    <t>城南内科介護医療院</t>
    <rPh sb="2" eb="4">
      <t>ナイカ</t>
    </rPh>
    <rPh sb="4" eb="6">
      <t>カイゴ</t>
    </rPh>
    <rPh sb="6" eb="8">
      <t>イリョウ</t>
    </rPh>
    <rPh sb="8" eb="9">
      <t>イン</t>
    </rPh>
    <phoneticPr fontId="5"/>
  </si>
  <si>
    <t>富山市太郎丸西町１丁目６－６</t>
  </si>
  <si>
    <t>076-461-3306</t>
  </si>
  <si>
    <t>富山市大泉東町1丁目3-9　スイートレジデンスTOYAMA5B</t>
  </si>
  <si>
    <t>富山市新保３３番地１</t>
    <rPh sb="0" eb="3">
      <t>トヤマシ</t>
    </rPh>
    <rPh sb="3" eb="5">
      <t>シンボ</t>
    </rPh>
    <rPh sb="7" eb="9">
      <t>バンチ</t>
    </rPh>
    <phoneticPr fontId="5"/>
  </si>
  <si>
    <t>076-405-9124</t>
  </si>
  <si>
    <t>076-464-5606</t>
  </si>
  <si>
    <t>076-464-5616</t>
  </si>
  <si>
    <t>ライラック訪問看護ステーション</t>
    <rPh sb="5" eb="9">
      <t>ホウモンカンゴ</t>
    </rPh>
    <phoneticPr fontId="5"/>
  </si>
  <si>
    <t>076-413-5856</t>
  </si>
  <si>
    <t>076-413-5857</t>
  </si>
  <si>
    <t>シルバーケア城南居宅介護支援事業所</t>
  </si>
  <si>
    <t>富山市黒瀬北町二丁目１３番地１２　プレジデント高陽１０１号室</t>
    <rPh sb="0" eb="3">
      <t>トヤマシ</t>
    </rPh>
    <rPh sb="3" eb="7">
      <t>クロセキタマチ</t>
    </rPh>
    <rPh sb="7" eb="10">
      <t>2チョウメ</t>
    </rPh>
    <rPh sb="12" eb="14">
      <t>バンチ</t>
    </rPh>
    <rPh sb="23" eb="24">
      <t>タカ</t>
    </rPh>
    <rPh sb="24" eb="25">
      <t>ヨウ</t>
    </rPh>
    <rPh sb="28" eb="30">
      <t>ゴウシツ</t>
    </rPh>
    <phoneticPr fontId="5"/>
  </si>
  <si>
    <t>チャレンジアイ居宅介護支援事業所</t>
  </si>
  <si>
    <t>076-461-7700</t>
  </si>
  <si>
    <t>ハーネスト訪問看護リハビリステーション富山</t>
    <rPh sb="5" eb="7">
      <t>ホウモン</t>
    </rPh>
    <rPh sb="7" eb="9">
      <t>カンゴ</t>
    </rPh>
    <rPh sb="19" eb="21">
      <t>トヤマ</t>
    </rPh>
    <phoneticPr fontId="5"/>
  </si>
  <si>
    <t>富山市西二俣７０２番地</t>
    <rPh sb="0" eb="6">
      <t>トヤマシニシフタマタ</t>
    </rPh>
    <rPh sb="9" eb="11">
      <t>バンチ</t>
    </rPh>
    <phoneticPr fontId="5"/>
  </si>
  <si>
    <t>富山市婦中町分田１７５番地３</t>
    <rPh sb="0" eb="6">
      <t>トヤマシフチュウマチ</t>
    </rPh>
    <rPh sb="6" eb="8">
      <t>ワケダ</t>
    </rPh>
    <rPh sb="11" eb="13">
      <t>バンチ</t>
    </rPh>
    <phoneticPr fontId="5"/>
  </si>
  <si>
    <t>076-413-5746</t>
  </si>
  <si>
    <t>訪問看護ステーションここいく</t>
    <rPh sb="0" eb="4">
      <t>ホウモンカンゴ</t>
    </rPh>
    <phoneticPr fontId="5"/>
  </si>
  <si>
    <t>ライフサポートまつかぜ</t>
  </si>
  <si>
    <t>富山市上飯野新町二丁目８９番地</t>
    <rPh sb="0" eb="8">
      <t>トヤマシカミイイノシンマチ</t>
    </rPh>
    <rPh sb="8" eb="11">
      <t>2チョウメ</t>
    </rPh>
    <rPh sb="13" eb="15">
      <t>バンチ</t>
    </rPh>
    <phoneticPr fontId="5"/>
  </si>
  <si>
    <t>076-411-7331</t>
  </si>
  <si>
    <t>076-411-7337</t>
  </si>
  <si>
    <t>訪問看護ステーション　福禄寿</t>
    <rPh sb="0" eb="4">
      <t>ホウモンカンゴ</t>
    </rPh>
    <rPh sb="11" eb="12">
      <t>フク</t>
    </rPh>
    <rPh sb="12" eb="13">
      <t>ロク</t>
    </rPh>
    <rPh sb="13" eb="14">
      <t>ジュ</t>
    </rPh>
    <phoneticPr fontId="5"/>
  </si>
  <si>
    <t>もなみヘルパーステーション</t>
  </si>
  <si>
    <t>富山市太郎丸本町一丁目10番23</t>
  </si>
  <si>
    <t>サポートハウス神通さくら野</t>
    <rPh sb="7" eb="8">
      <t>カミ</t>
    </rPh>
    <rPh sb="8" eb="9">
      <t>ツウ</t>
    </rPh>
    <rPh sb="12" eb="13">
      <t>ノ</t>
    </rPh>
    <phoneticPr fontId="5"/>
  </si>
  <si>
    <t>彩和ヘルパーステーション</t>
  </si>
  <si>
    <t>富山市千成町３３番１５号</t>
  </si>
  <si>
    <t>076-456-8715</t>
  </si>
  <si>
    <t>訪問看護ステーション　ミライズ</t>
    <rPh sb="0" eb="4">
      <t>ホウモンカンゴ</t>
    </rPh>
    <phoneticPr fontId="5"/>
  </si>
  <si>
    <t>富山市上袋６５０番地　サンコレクト・G.ＳＥＣＯＮＤビル２階２０４号室</t>
    <rPh sb="0" eb="3">
      <t>トヤマシ</t>
    </rPh>
    <rPh sb="3" eb="5">
      <t>カミブクロ</t>
    </rPh>
    <rPh sb="8" eb="10">
      <t>バンチ</t>
    </rPh>
    <rPh sb="29" eb="30">
      <t>カイ</t>
    </rPh>
    <rPh sb="33" eb="35">
      <t>ゴウシツ</t>
    </rPh>
    <phoneticPr fontId="5"/>
  </si>
  <si>
    <t>山室中部</t>
    <rPh sb="0" eb="4">
      <t>ヤマムロ</t>
    </rPh>
    <phoneticPr fontId="5"/>
  </si>
  <si>
    <t>076-464-1687</t>
  </si>
  <si>
    <t>076-482-4701</t>
  </si>
  <si>
    <t>訪問介護ステーションぽかぽか</t>
  </si>
  <si>
    <t>076-456-1178</t>
  </si>
  <si>
    <t>076-456-4801</t>
  </si>
  <si>
    <t>富山市婦中町下轡田1019</t>
    <rPh sb="0" eb="3">
      <t>トヤマシ</t>
    </rPh>
    <phoneticPr fontId="5"/>
  </si>
  <si>
    <t>富山市今泉１８５番地１</t>
    <rPh sb="0" eb="5">
      <t>トヤマシイマイズミ</t>
    </rPh>
    <rPh sb="8" eb="10">
      <t>バンチ</t>
    </rPh>
    <phoneticPr fontId="6"/>
  </si>
  <si>
    <t>富山市呉羽町６７５７番地１シティハイムふじ２０１号</t>
    <rPh sb="0" eb="3">
      <t>トヤマシ</t>
    </rPh>
    <rPh sb="3" eb="6">
      <t>クレハマチ</t>
    </rPh>
    <rPh sb="10" eb="12">
      <t>バンチ</t>
    </rPh>
    <rPh sb="24" eb="25">
      <t>ゴウ</t>
    </rPh>
    <phoneticPr fontId="6"/>
  </si>
  <si>
    <t>076-413-5330</t>
  </si>
  <si>
    <t>076-413-5331</t>
  </si>
  <si>
    <t>076-481-7116</t>
  </si>
  <si>
    <t>医心館 居宅介護支援事業所 富山</t>
    <rPh sb="0" eb="1">
      <t>イ</t>
    </rPh>
    <rPh sb="1" eb="2">
      <t>ココロ</t>
    </rPh>
    <rPh sb="2" eb="3">
      <t>ヤカタ</t>
    </rPh>
    <rPh sb="4" eb="6">
      <t>キョタク</t>
    </rPh>
    <rPh sb="6" eb="8">
      <t>カイゴ</t>
    </rPh>
    <rPh sb="8" eb="10">
      <t>シエン</t>
    </rPh>
    <rPh sb="10" eb="13">
      <t>ジギョウショ</t>
    </rPh>
    <rPh sb="14" eb="16">
      <t>トヤマ</t>
    </rPh>
    <phoneticPr fontId="6"/>
  </si>
  <si>
    <t>富山市今泉１８５番地１</t>
    <rPh sb="0" eb="3">
      <t>トヤマシ</t>
    </rPh>
    <rPh sb="3" eb="5">
      <t>イマイズミ</t>
    </rPh>
    <rPh sb="8" eb="10">
      <t>バンチ</t>
    </rPh>
    <phoneticPr fontId="6"/>
  </si>
  <si>
    <t>富山城南病院</t>
    <rPh sb="0" eb="2">
      <t>トヤマ</t>
    </rPh>
    <rPh sb="2" eb="4">
      <t>ジョウナン</t>
    </rPh>
    <rPh sb="4" eb="6">
      <t>ビョウイン</t>
    </rPh>
    <phoneticPr fontId="5"/>
  </si>
  <si>
    <t>富山市太郎丸本町一丁目8番1号</t>
  </si>
  <si>
    <t>医心館 訪問介護ステーション 富山</t>
  </si>
  <si>
    <t>ツクイ富山訪問看護ステーション</t>
    <rPh sb="3" eb="9">
      <t>トヤマホウモンカンゴ</t>
    </rPh>
    <phoneticPr fontId="5"/>
  </si>
  <si>
    <t>富山市本町９番１０号　大同生命富山ビル６階</t>
    <rPh sb="0" eb="5">
      <t>トヤマシホンマチ</t>
    </rPh>
    <rPh sb="6" eb="7">
      <t>バン</t>
    </rPh>
    <rPh sb="9" eb="10">
      <t>ゴウ</t>
    </rPh>
    <rPh sb="11" eb="17">
      <t>ダイドウセイメイトヤマ</t>
    </rPh>
    <rPh sb="20" eb="21">
      <t>カイ</t>
    </rPh>
    <phoneticPr fontId="5"/>
  </si>
  <si>
    <t>076-433-0372</t>
  </si>
  <si>
    <t>富山市根塚町一丁目２－５　BNK３ビル　２階</t>
    <rPh sb="3" eb="6">
      <t>ネヅカマチ</t>
    </rPh>
    <rPh sb="6" eb="9">
      <t>1チョウメ</t>
    </rPh>
    <rPh sb="21" eb="22">
      <t>カイ</t>
    </rPh>
    <phoneticPr fontId="5"/>
  </si>
  <si>
    <t>076-413-7241</t>
  </si>
  <si>
    <t>070-8976-2131</t>
  </si>
  <si>
    <t>076-411-4039</t>
  </si>
  <si>
    <t>076-413-3001</t>
  </si>
  <si>
    <t>076-461-3501</t>
  </si>
  <si>
    <t>076-461-3502</t>
  </si>
  <si>
    <t>サンウェルズ秋吉ヘルパーステーション</t>
    <rPh sb="6" eb="8">
      <t>アキヨシ</t>
    </rPh>
    <phoneticPr fontId="5"/>
  </si>
  <si>
    <t>サンウェルズ西荒屋ヘルパーステーション</t>
  </si>
  <si>
    <t>富山市秋吉１３０番４</t>
    <rPh sb="0" eb="3">
      <t>トヤマシ</t>
    </rPh>
    <rPh sb="3" eb="5">
      <t>アキヨシ</t>
    </rPh>
    <rPh sb="8" eb="9">
      <t>バン</t>
    </rPh>
    <phoneticPr fontId="5"/>
  </si>
  <si>
    <t>富山市西荒屋990</t>
  </si>
  <si>
    <t>076-425-6952</t>
  </si>
  <si>
    <t>076-482-5691</t>
  </si>
  <si>
    <t>ヘルパーステーションエンジョイライフ黒瀬</t>
  </si>
  <si>
    <t>076-405-9239</t>
  </si>
  <si>
    <t>076-405-9339</t>
  </si>
  <si>
    <t>富山市黒瀬北町2-13-12　プレジデント高陽101</t>
  </si>
  <si>
    <t>富山市大島二丁目５９６番地１９</t>
    <rPh sb="0" eb="5">
      <t>トヤマシオオシマ</t>
    </rPh>
    <rPh sb="5" eb="8">
      <t>2チョウメ</t>
    </rPh>
    <rPh sb="11" eb="13">
      <t>バンチ</t>
    </rPh>
    <phoneticPr fontId="5"/>
  </si>
  <si>
    <t>訪問看護ステーション悠ライフ富山奥田</t>
    <rPh sb="0" eb="4">
      <t>ホウモンカンゴ</t>
    </rPh>
    <rPh sb="10" eb="11">
      <t>ユウ</t>
    </rPh>
    <rPh sb="14" eb="18">
      <t>トヤマオクダ</t>
    </rPh>
    <phoneticPr fontId="5"/>
  </si>
  <si>
    <t>076-481-7657</t>
  </si>
  <si>
    <t>076-481-7658</t>
  </si>
  <si>
    <t>富山市町村６９番地５</t>
    <rPh sb="0" eb="3">
      <t>トヤマシ</t>
    </rPh>
    <rPh sb="3" eb="5">
      <t>マチムラ</t>
    </rPh>
    <rPh sb="7" eb="9">
      <t>バンチ</t>
    </rPh>
    <phoneticPr fontId="5"/>
  </si>
  <si>
    <t>076-413-8555</t>
  </si>
  <si>
    <t>076-413-8717</t>
  </si>
  <si>
    <t>富山市森一丁目９番６号</t>
    <rPh sb="0" eb="4">
      <t>トヤマシモリ</t>
    </rPh>
    <rPh sb="4" eb="7">
      <t>1チョウメ</t>
    </rPh>
    <rPh sb="8" eb="9">
      <t>バン</t>
    </rPh>
    <rPh sb="10" eb="11">
      <t>ゴウ</t>
    </rPh>
    <phoneticPr fontId="5"/>
  </si>
  <si>
    <t>076-400-9647</t>
  </si>
  <si>
    <t>訪問看護ステーション　オリーブの会</t>
    <rPh sb="0" eb="4">
      <t>ホウモンカンゴ</t>
    </rPh>
    <rPh sb="16" eb="17">
      <t>カイ</t>
    </rPh>
    <phoneticPr fontId="5"/>
  </si>
  <si>
    <t>山室中部</t>
    <rPh sb="0" eb="4">
      <t>ヤマムロチュウブ</t>
    </rPh>
    <phoneticPr fontId="5"/>
  </si>
  <si>
    <t>ささづ苑かがやき訪問リハビリテーション</t>
    <rPh sb="3" eb="4">
      <t>エン</t>
    </rPh>
    <rPh sb="8" eb="10">
      <t>ホウモン</t>
    </rPh>
    <phoneticPr fontId="5"/>
  </si>
  <si>
    <t>富山市春日３６２番地１</t>
    <rPh sb="0" eb="3">
      <t>トヤマシ</t>
    </rPh>
    <rPh sb="3" eb="5">
      <t>カスガ</t>
    </rPh>
    <rPh sb="8" eb="10">
      <t>バンチ</t>
    </rPh>
    <phoneticPr fontId="5"/>
  </si>
  <si>
    <t>訪問介護ステーション　福禄寿</t>
  </si>
  <si>
    <t>富山市経田1231番地</t>
  </si>
  <si>
    <t>076-481-6683</t>
  </si>
  <si>
    <t>076-481-6673</t>
  </si>
  <si>
    <t>076-464-9714</t>
  </si>
  <si>
    <t>介護老人保健施設ささづ苑かがやき</t>
  </si>
  <si>
    <t>イフディケアとやま南</t>
    <rPh sb="9" eb="10">
      <t>ミナミ</t>
    </rPh>
    <phoneticPr fontId="5"/>
  </si>
  <si>
    <t>ケアサポート　アイリス</t>
  </si>
  <si>
    <t>ヘルパーステーション鈴の音</t>
  </si>
  <si>
    <t>076-411-7512</t>
  </si>
  <si>
    <t>訪問看護ステーションコアラ</t>
  </si>
  <si>
    <t>076-456-4880</t>
  </si>
  <si>
    <t>富山市飯野１８番４</t>
    <rPh sb="0" eb="3">
      <t>トヤマシ</t>
    </rPh>
    <rPh sb="3" eb="5">
      <t>イイノ</t>
    </rPh>
    <rPh sb="7" eb="8">
      <t>バン</t>
    </rPh>
    <phoneticPr fontId="5"/>
  </si>
  <si>
    <t>モンテ居宅介護支援事業所</t>
  </si>
  <si>
    <t>医療法人財団博仁会横田記念病院</t>
    <rPh sb="11" eb="13">
      <t>キネン</t>
    </rPh>
    <phoneticPr fontId="5"/>
  </si>
  <si>
    <t>富山市豊田本町三丁目２０番１３－２０１号ステンドハウスD棟</t>
  </si>
  <si>
    <t>富山市中野新町一丁目１番11号</t>
  </si>
  <si>
    <t>星井町</t>
    <rPh sb="0" eb="3">
      <t>ホシイチョウ</t>
    </rPh>
    <phoneticPr fontId="5"/>
  </si>
  <si>
    <t>080-3259-7169</t>
  </si>
  <si>
    <t>076-425-2800</t>
  </si>
  <si>
    <t>H.12.3.31</t>
  </si>
  <si>
    <t>076-461-6117</t>
  </si>
  <si>
    <t>富山市上冨居2丁目2番27号</t>
  </si>
  <si>
    <t>富山市中川原128番地1</t>
  </si>
  <si>
    <t>富山市今泉185番地1</t>
  </si>
  <si>
    <t>富山市黒瀬218番地1</t>
  </si>
  <si>
    <t>富山市中川原５－４</t>
    <rPh sb="3" eb="6">
      <t>ナカガワラ</t>
    </rPh>
    <phoneticPr fontId="5"/>
  </si>
  <si>
    <t>富山市婦中町下轡田1019番地</t>
    <rPh sb="0" eb="2">
      <t>トヤマ</t>
    </rPh>
    <rPh sb="2" eb="3">
      <t>シ</t>
    </rPh>
    <rPh sb="3" eb="5">
      <t>フチュウ</t>
    </rPh>
    <rPh sb="5" eb="6">
      <t>マチ</t>
    </rPh>
    <rPh sb="6" eb="7">
      <t>シモ</t>
    </rPh>
    <rPh sb="7" eb="9">
      <t>クツワダ</t>
    </rPh>
    <rPh sb="13" eb="15">
      <t>バンチ</t>
    </rPh>
    <phoneticPr fontId="6"/>
  </si>
  <si>
    <t>富山市愛宕町二丁目５番７号　アーデルテラス芝園１０１号室</t>
  </si>
  <si>
    <t>富山市藤木４３番地１</t>
  </si>
  <si>
    <t>富山市向新庄町七丁目８番16号</t>
  </si>
  <si>
    <t>富山市古沢631番地</t>
  </si>
  <si>
    <t>富山市新庄銀座三丁目５番５５号</t>
    <rPh sb="3" eb="7">
      <t>シンジョウギンザ</t>
    </rPh>
    <rPh sb="7" eb="10">
      <t>3チョウメ</t>
    </rPh>
    <rPh sb="11" eb="12">
      <t>バン</t>
    </rPh>
    <rPh sb="14" eb="15">
      <t>ゴウ</t>
    </rPh>
    <phoneticPr fontId="5"/>
  </si>
  <si>
    <t>富山市寺町６５番地</t>
    <rPh sb="3" eb="5">
      <t>テラマチ</t>
    </rPh>
    <rPh sb="7" eb="9">
      <t>バンチ</t>
    </rPh>
    <phoneticPr fontId="5"/>
  </si>
  <si>
    <t>富山県富山市黒瀬４３５番地１</t>
  </si>
  <si>
    <t>ヘルパーステーション笑美寿</t>
  </si>
  <si>
    <t>アクア富山秋吉訪問介護</t>
  </si>
  <si>
    <t>富山市田畑852番地3</t>
  </si>
  <si>
    <t>富山市秋吉１８１番地４</t>
  </si>
  <si>
    <t>076-413-7844</t>
  </si>
  <si>
    <t>デイサービス笑美寿あかえ</t>
    <rPh sb="6" eb="7">
      <t>ワラ</t>
    </rPh>
    <rPh sb="7" eb="8">
      <t>ビ</t>
    </rPh>
    <rPh sb="8" eb="9">
      <t>コトブキ</t>
    </rPh>
    <phoneticPr fontId="6"/>
  </si>
  <si>
    <t>本体特養の
空床利用</t>
    <rPh sb="0" eb="2">
      <t>ホンタイ</t>
    </rPh>
    <rPh sb="2" eb="4">
      <t>トクヨウ</t>
    </rPh>
    <rPh sb="6" eb="7">
      <t>ア</t>
    </rPh>
    <rPh sb="7" eb="8">
      <t>ショウ</t>
    </rPh>
    <rPh sb="8" eb="10">
      <t>リヨウ</t>
    </rPh>
    <phoneticPr fontId="5"/>
  </si>
  <si>
    <t>指定日</t>
    <rPh sb="0" eb="3">
      <t>シテイビ</t>
    </rPh>
    <phoneticPr fontId="5"/>
  </si>
  <si>
    <t>吉田内科クリニックディサービスセンター「あゆみ」</t>
    <rPh sb="0" eb="2">
      <t>ヨシダ</t>
    </rPh>
    <rPh sb="2" eb="4">
      <t>ナイカ</t>
    </rPh>
    <phoneticPr fontId="6"/>
  </si>
  <si>
    <t>富山市婦中町熊野道３５７</t>
    <rPh sb="0" eb="3">
      <t>トヤマシ</t>
    </rPh>
    <rPh sb="3" eb="6">
      <t>フチュウマチ</t>
    </rPh>
    <rPh sb="6" eb="8">
      <t>クマノ</t>
    </rPh>
    <rPh sb="8" eb="9">
      <t>ミチ</t>
    </rPh>
    <phoneticPr fontId="6"/>
  </si>
  <si>
    <t>きたえるーむ富山本郷</t>
    <rPh sb="6" eb="10">
      <t>トヤマホンゴウ</t>
    </rPh>
    <phoneticPr fontId="6"/>
  </si>
  <si>
    <t>手と手訪問介護事業所</t>
  </si>
  <si>
    <t>076-413-7132</t>
  </si>
  <si>
    <t>080-7302-8536</t>
  </si>
  <si>
    <t>富山市東中野町三丁目７番１３号</t>
    <rPh sb="0" eb="3">
      <t>トヤマシ</t>
    </rPh>
    <rPh sb="3" eb="4">
      <t>ヒガシ</t>
    </rPh>
    <rPh sb="4" eb="6">
      <t>ナカノ</t>
    </rPh>
    <rPh sb="6" eb="7">
      <t>マチ</t>
    </rPh>
    <rPh sb="7" eb="10">
      <t>サンチョウメ</t>
    </rPh>
    <rPh sb="11" eb="12">
      <t>バン</t>
    </rPh>
    <rPh sb="14" eb="15">
      <t>ゴウ</t>
    </rPh>
    <phoneticPr fontId="5"/>
  </si>
  <si>
    <t>令和7年12月1日現在</t>
    <rPh sb="0" eb="2">
      <t>レイワ</t>
    </rPh>
    <rPh sb="3" eb="4">
      <t>ネン</t>
    </rPh>
    <rPh sb="6" eb="7">
      <t>ガツ</t>
    </rPh>
    <rPh sb="8" eb="9">
      <t>ニチ</t>
    </rPh>
    <rPh sb="9" eb="11">
      <t>ゲンザイ</t>
    </rPh>
    <phoneticPr fontId="5"/>
  </si>
  <si>
    <t>訪問介護リベル富山1st</t>
    <rPh sb="0" eb="4">
      <t>ホウモン</t>
    </rPh>
    <phoneticPr fontId="5"/>
  </si>
  <si>
    <t>訪問介護リベル富山2nd</t>
  </si>
  <si>
    <t>訪問介護リベル富山3rd</t>
  </si>
  <si>
    <t>訪問看護リベル富山3rd</t>
    <rPh sb="0" eb="4">
      <t>ホウモンカンゴ</t>
    </rPh>
    <rPh sb="7" eb="9">
      <t>トヤマ</t>
    </rPh>
    <phoneticPr fontId="5"/>
  </si>
  <si>
    <t>076-424-0085</t>
  </si>
  <si>
    <t>五省会ごふく居宅介護支援事業所</t>
  </si>
  <si>
    <t>富山市五福1199番地　津林ビルB棟　203号室</t>
  </si>
  <si>
    <t>五福</t>
  </si>
  <si>
    <t>080-9282-7427</t>
  </si>
  <si>
    <t>富山市中田二丁目8-37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\.m\.d;@"/>
    <numFmt numFmtId="177" formatCode="\(#,##0\)"/>
  </numFmts>
  <fonts count="17" x14ac:knownFonts="1">
    <font>
      <sz val="11"/>
      <name val="ＭＳ Ｐゴシック"/>
      <family val="3"/>
    </font>
    <font>
      <sz val="10"/>
      <name val="ＭＳ Ｐゴシック"/>
      <family val="3"/>
    </font>
    <font>
      <sz val="11"/>
      <color theme="1"/>
      <name val="ＭＳ Ｐゴシック"/>
      <family val="3"/>
      <scheme val="minor"/>
    </font>
    <font>
      <sz val="11"/>
      <color indexed="8"/>
      <name val="ＭＳ Ｐゴシック"/>
      <family val="3"/>
    </font>
    <font>
      <sz val="11"/>
      <color rgb="FF006100"/>
      <name val="ＭＳ Ｐゴシック"/>
      <family val="3"/>
      <scheme val="minor"/>
    </font>
    <font>
      <sz val="6"/>
      <name val="ＭＳ Ｐゴシック"/>
      <family val="3"/>
    </font>
    <font>
      <sz val="60"/>
      <name val="ＭＳ Ｐゴシック"/>
      <family val="3"/>
    </font>
    <font>
      <sz val="48"/>
      <name val="ＭＳ Ｐゴシック"/>
      <family val="3"/>
    </font>
    <font>
      <sz val="36"/>
      <name val="ＭＳ Ｐゴシック"/>
      <family val="3"/>
    </font>
    <font>
      <sz val="11"/>
      <name val="ＭＳ Ｐゴシック"/>
      <family val="3"/>
    </font>
    <font>
      <u/>
      <sz val="11"/>
      <color theme="10"/>
      <name val="ＭＳ Ｐゴシック"/>
      <family val="3"/>
    </font>
    <font>
      <u/>
      <sz val="11"/>
      <name val="ＭＳ Ｐゴシック"/>
      <family val="3"/>
    </font>
    <font>
      <sz val="9"/>
      <name val="ＭＳ Ｐゴシック"/>
      <family val="3"/>
    </font>
    <font>
      <sz val="16"/>
      <name val="ＭＳ Ｐゴシック"/>
      <family val="3"/>
    </font>
    <font>
      <u/>
      <sz val="11"/>
      <color indexed="12"/>
      <name val="ＭＳ Ｐゴシック"/>
      <family val="3"/>
    </font>
    <font>
      <sz val="11"/>
      <name val="ＭＳ Ｐゴシック"/>
      <family val="3"/>
      <charset val="128"/>
    </font>
    <font>
      <sz val="8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theme="0"/>
        <bgColor indexed="64"/>
      </patternFill>
    </fill>
  </fills>
  <borders count="5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4">
    <xf numFmtId="0" fontId="0" fillId="0" borderId="0"/>
    <xf numFmtId="0" fontId="1" fillId="0" borderId="0"/>
    <xf numFmtId="0" fontId="1" fillId="0" borderId="0"/>
    <xf numFmtId="0" fontId="1" fillId="0" borderId="0"/>
    <xf numFmtId="0" fontId="2" fillId="0" borderId="0">
      <alignment vertical="center"/>
    </xf>
    <xf numFmtId="0" fontId="2" fillId="0" borderId="0">
      <alignment vertical="center"/>
    </xf>
    <xf numFmtId="0" fontId="3" fillId="0" borderId="0"/>
    <xf numFmtId="0" fontId="3" fillId="0" borderId="0"/>
    <xf numFmtId="0" fontId="3" fillId="0" borderId="0"/>
    <xf numFmtId="0" fontId="1" fillId="0" borderId="0"/>
    <xf numFmtId="0" fontId="3" fillId="0" borderId="0"/>
    <xf numFmtId="0" fontId="4" fillId="2" borderId="0" applyNumberFormat="0" applyBorder="0" applyAlignment="0" applyProtection="0">
      <alignment vertical="center"/>
    </xf>
    <xf numFmtId="38" fontId="9" fillId="0" borderId="0" applyFont="0" applyFill="0" applyBorder="0" applyAlignment="0" applyProtection="0"/>
    <xf numFmtId="0" fontId="10" fillId="0" borderId="0" applyNumberFormat="0" applyFill="0" applyBorder="0" applyAlignment="0" applyProtection="0">
      <alignment vertical="top"/>
      <protection locked="0"/>
    </xf>
  </cellStyleXfs>
  <cellXfs count="225">
    <xf numFmtId="0" fontId="0" fillId="0" borderId="0" xfId="0"/>
    <xf numFmtId="0" fontId="0" fillId="0" borderId="0" xfId="0" applyFont="1" applyFill="1"/>
    <xf numFmtId="0" fontId="6" fillId="0" borderId="0" xfId="0" applyFont="1" applyFill="1"/>
    <xf numFmtId="0" fontId="7" fillId="0" borderId="0" xfId="0" applyFont="1" applyFill="1"/>
    <xf numFmtId="0" fontId="8" fillId="0" borderId="0" xfId="0" applyFont="1" applyFill="1"/>
    <xf numFmtId="0" fontId="0" fillId="0" borderId="0" xfId="0" applyFont="1" applyFill="1" applyAlignment="1">
      <alignment horizontal="center" shrinkToFit="1"/>
    </xf>
    <xf numFmtId="0" fontId="0" fillId="0" borderId="0" xfId="0" applyFont="1" applyFill="1" applyAlignment="1">
      <alignment horizontal="left"/>
    </xf>
    <xf numFmtId="176" fontId="0" fillId="0" borderId="0" xfId="0" applyNumberFormat="1" applyFont="1" applyFill="1" applyAlignment="1">
      <alignment horizontal="right"/>
    </xf>
    <xf numFmtId="0" fontId="0" fillId="0" borderId="1" xfId="0" applyFont="1" applyFill="1" applyBorder="1" applyAlignment="1">
      <alignment horizontal="center" shrinkToFit="1"/>
    </xf>
    <xf numFmtId="0" fontId="0" fillId="0" borderId="2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horizontal="center"/>
    </xf>
    <xf numFmtId="0" fontId="0" fillId="0" borderId="6" xfId="0" applyFont="1" applyFill="1" applyBorder="1" applyAlignment="1">
      <alignment horizontal="center"/>
    </xf>
    <xf numFmtId="0" fontId="0" fillId="0" borderId="5" xfId="0" quotePrefix="1" applyNumberFormat="1" applyFont="1" applyFill="1" applyBorder="1" applyAlignment="1">
      <alignment horizontal="center"/>
    </xf>
    <xf numFmtId="0" fontId="0" fillId="0" borderId="7" xfId="0" applyFont="1" applyFill="1" applyBorder="1"/>
    <xf numFmtId="0" fontId="0" fillId="0" borderId="5" xfId="0" applyFont="1" applyFill="1" applyBorder="1"/>
    <xf numFmtId="0" fontId="0" fillId="0" borderId="6" xfId="0" applyFont="1" applyFill="1" applyBorder="1"/>
    <xf numFmtId="177" fontId="0" fillId="0" borderId="5" xfId="0" applyNumberFormat="1" applyFont="1" applyFill="1" applyBorder="1" applyAlignment="1">
      <alignment horizontal="left"/>
    </xf>
    <xf numFmtId="0" fontId="0" fillId="0" borderId="7" xfId="0" applyFont="1" applyFill="1" applyBorder="1" applyAlignment="1">
      <alignment horizontal="center"/>
    </xf>
    <xf numFmtId="38" fontId="0" fillId="0" borderId="7" xfId="12" applyFont="1" applyFill="1" applyBorder="1"/>
    <xf numFmtId="0" fontId="0" fillId="0" borderId="0" xfId="0" applyFont="1" applyFill="1" applyAlignment="1" applyProtection="1"/>
    <xf numFmtId="177" fontId="0" fillId="0" borderId="6" xfId="0" applyNumberFormat="1" applyFont="1" applyFill="1" applyBorder="1" applyAlignment="1">
      <alignment horizontal="left"/>
    </xf>
    <xf numFmtId="177" fontId="0" fillId="0" borderId="7" xfId="12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horizontal="center" shrinkToFit="1"/>
    </xf>
    <xf numFmtId="0" fontId="0" fillId="0" borderId="6" xfId="0" applyFont="1" applyFill="1" applyBorder="1" applyAlignment="1">
      <alignment horizontal="center" shrinkToFit="1"/>
    </xf>
    <xf numFmtId="0" fontId="0" fillId="0" borderId="7" xfId="0" applyFont="1" applyFill="1" applyBorder="1" applyAlignment="1">
      <alignment horizontal="center" shrinkToFit="1"/>
    </xf>
    <xf numFmtId="0" fontId="0" fillId="0" borderId="8" xfId="0" applyFont="1" applyFill="1" applyBorder="1" applyAlignment="1">
      <alignment horizontal="center" wrapText="1"/>
    </xf>
    <xf numFmtId="0" fontId="0" fillId="0" borderId="7" xfId="0" applyFont="1" applyFill="1" applyBorder="1" applyAlignment="1">
      <alignment horizontal="left"/>
    </xf>
    <xf numFmtId="176" fontId="0" fillId="0" borderId="9" xfId="0" applyNumberFormat="1" applyFont="1" applyFill="1" applyBorder="1" applyAlignment="1">
      <alignment horizontal="center" shrinkToFit="1"/>
    </xf>
    <xf numFmtId="176" fontId="0" fillId="0" borderId="10" xfId="0" applyNumberFormat="1" applyFont="1" applyFill="1" applyBorder="1" applyAlignment="1">
      <alignment horizontal="right"/>
    </xf>
    <xf numFmtId="176" fontId="0" fillId="0" borderId="11" xfId="0" applyNumberFormat="1" applyFont="1" applyFill="1" applyBorder="1" applyAlignment="1">
      <alignment horizontal="right"/>
    </xf>
    <xf numFmtId="176" fontId="0" fillId="0" borderId="12" xfId="0" applyNumberFormat="1" applyFont="1" applyFill="1" applyBorder="1" applyAlignment="1">
      <alignment horizontal="right"/>
    </xf>
    <xf numFmtId="57" fontId="0" fillId="0" borderId="11" xfId="0" quotePrefix="1" applyNumberFormat="1" applyFont="1" applyFill="1" applyBorder="1" applyAlignment="1">
      <alignment horizontal="right"/>
    </xf>
    <xf numFmtId="176" fontId="0" fillId="0" borderId="13" xfId="0" applyNumberFormat="1" applyFont="1" applyFill="1" applyBorder="1" applyAlignment="1">
      <alignment horizontal="right"/>
    </xf>
    <xf numFmtId="0" fontId="0" fillId="0" borderId="14" xfId="0" applyFont="1" applyFill="1" applyBorder="1"/>
    <xf numFmtId="0" fontId="0" fillId="0" borderId="15" xfId="0" applyFont="1" applyFill="1" applyBorder="1"/>
    <xf numFmtId="176" fontId="0" fillId="0" borderId="0" xfId="0" applyNumberFormat="1" applyFont="1" applyFill="1"/>
    <xf numFmtId="0" fontId="0" fillId="0" borderId="16" xfId="0" applyFont="1" applyFill="1" applyBorder="1" applyAlignment="1">
      <alignment horizontal="center" shrinkToFit="1"/>
    </xf>
    <xf numFmtId="176" fontId="0" fillId="0" borderId="10" xfId="0" applyNumberFormat="1" applyFont="1" applyFill="1" applyBorder="1"/>
    <xf numFmtId="176" fontId="0" fillId="0" borderId="13" xfId="0" applyNumberFormat="1" applyFont="1" applyFill="1" applyBorder="1"/>
    <xf numFmtId="0" fontId="0" fillId="0" borderId="17" xfId="0" applyFont="1" applyFill="1" applyBorder="1"/>
    <xf numFmtId="0" fontId="0" fillId="3" borderId="6" xfId="0" applyFont="1" applyFill="1" applyBorder="1"/>
    <xf numFmtId="0" fontId="0" fillId="3" borderId="5" xfId="0" applyFont="1" applyFill="1" applyBorder="1"/>
    <xf numFmtId="0" fontId="0" fillId="0" borderId="0" xfId="0" applyFont="1" applyFill="1" applyAlignment="1">
      <alignment horizontal="center"/>
    </xf>
    <xf numFmtId="38" fontId="0" fillId="0" borderId="0" xfId="12" applyFont="1" applyFill="1"/>
    <xf numFmtId="0" fontId="0" fillId="3" borderId="6" xfId="0" applyFont="1" applyFill="1" applyBorder="1" applyAlignment="1">
      <alignment horizontal="center"/>
    </xf>
    <xf numFmtId="0" fontId="0" fillId="3" borderId="5" xfId="0" applyFont="1" applyFill="1" applyBorder="1" applyAlignment="1">
      <alignment horizontal="center"/>
    </xf>
    <xf numFmtId="0" fontId="0" fillId="3" borderId="5" xfId="0" applyFont="1" applyFill="1" applyBorder="1" applyAlignment="1">
      <alignment horizontal="center" shrinkToFit="1"/>
    </xf>
    <xf numFmtId="0" fontId="0" fillId="0" borderId="0" xfId="0" applyFont="1" applyFill="1" applyBorder="1" applyAlignment="1">
      <alignment horizontal="center" shrinkToFit="1"/>
    </xf>
    <xf numFmtId="176" fontId="0" fillId="0" borderId="12" xfId="0" applyNumberFormat="1" applyFont="1" applyFill="1" applyBorder="1"/>
    <xf numFmtId="176" fontId="0" fillId="0" borderId="0" xfId="0" applyNumberFormat="1" applyFont="1" applyFill="1" applyBorder="1"/>
    <xf numFmtId="0" fontId="11" fillId="0" borderId="0" xfId="13" applyFont="1" applyFill="1" applyAlignment="1" applyProtection="1"/>
    <xf numFmtId="0" fontId="11" fillId="0" borderId="0" xfId="13" applyFont="1" applyFill="1" applyBorder="1" applyAlignment="1" applyProtection="1"/>
    <xf numFmtId="0" fontId="0" fillId="0" borderId="0" xfId="0" applyFont="1" applyFill="1" applyAlignment="1">
      <alignment shrinkToFit="1"/>
    </xf>
    <xf numFmtId="0" fontId="0" fillId="0" borderId="19" xfId="0" applyFont="1" applyFill="1" applyBorder="1"/>
    <xf numFmtId="0" fontId="0" fillId="0" borderId="21" xfId="0" applyFont="1" applyFill="1" applyBorder="1" applyAlignment="1">
      <alignment horizontal="center" shrinkToFit="1"/>
    </xf>
    <xf numFmtId="0" fontId="0" fillId="0" borderId="11" xfId="0" applyFont="1" applyFill="1" applyBorder="1" applyAlignment="1">
      <alignment horizontal="center"/>
    </xf>
    <xf numFmtId="0" fontId="0" fillId="0" borderId="11" xfId="6" applyFont="1" applyFill="1" applyBorder="1" applyAlignment="1">
      <alignment horizontal="center" wrapText="1"/>
    </xf>
    <xf numFmtId="0" fontId="0" fillId="0" borderId="11" xfId="0" quotePrefix="1" applyNumberFormat="1" applyFont="1" applyFill="1" applyBorder="1" applyAlignment="1">
      <alignment horizontal="center"/>
    </xf>
    <xf numFmtId="0" fontId="0" fillId="0" borderId="22" xfId="0" applyFont="1" applyFill="1" applyBorder="1" applyAlignment="1">
      <alignment horizontal="center"/>
    </xf>
    <xf numFmtId="0" fontId="0" fillId="0" borderId="23" xfId="0" applyNumberFormat="1" applyFont="1" applyFill="1" applyBorder="1" applyAlignment="1">
      <alignment horizontal="center"/>
    </xf>
    <xf numFmtId="0" fontId="0" fillId="0" borderId="24" xfId="0" applyNumberFormat="1" applyFont="1" applyFill="1" applyBorder="1" applyAlignment="1">
      <alignment horizontal="center"/>
    </xf>
    <xf numFmtId="0" fontId="0" fillId="0" borderId="25" xfId="0" applyFill="1" applyBorder="1" applyAlignment="1">
      <alignment horizontal="center"/>
    </xf>
    <xf numFmtId="0" fontId="0" fillId="0" borderId="16" xfId="0" applyFont="1" applyFill="1" applyBorder="1" applyAlignment="1">
      <alignment horizontal="center"/>
    </xf>
    <xf numFmtId="0" fontId="0" fillId="0" borderId="16" xfId="0" applyFont="1" applyFill="1" applyBorder="1" applyAlignment="1">
      <alignment horizontal="center" wrapText="1"/>
    </xf>
    <xf numFmtId="0" fontId="0" fillId="0" borderId="2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shrinkToFit="1"/>
    </xf>
    <xf numFmtId="0" fontId="0" fillId="0" borderId="5" xfId="6" applyFont="1" applyFill="1" applyBorder="1" applyAlignment="1">
      <alignment wrapText="1"/>
    </xf>
    <xf numFmtId="0" fontId="0" fillId="0" borderId="5" xfId="0" quotePrefix="1" applyNumberFormat="1" applyFont="1" applyFill="1" applyBorder="1"/>
    <xf numFmtId="0" fontId="1" fillId="0" borderId="5" xfId="0" applyFont="1" applyFill="1" applyBorder="1"/>
    <xf numFmtId="0" fontId="0" fillId="0" borderId="6" xfId="4" applyFont="1" applyFill="1" applyBorder="1" applyAlignment="1"/>
    <xf numFmtId="0" fontId="0" fillId="0" borderId="23" xfId="0" applyNumberFormat="1" applyFont="1" applyFill="1" applyBorder="1"/>
    <xf numFmtId="0" fontId="0" fillId="0" borderId="24" xfId="0" applyNumberFormat="1" applyFont="1" applyFill="1" applyBorder="1"/>
    <xf numFmtId="0" fontId="0" fillId="0" borderId="6" xfId="8" applyFont="1" applyFill="1" applyBorder="1" applyAlignment="1">
      <alignment wrapText="1"/>
    </xf>
    <xf numFmtId="0" fontId="1" fillId="0" borderId="6" xfId="0" applyFont="1" applyFill="1" applyBorder="1"/>
    <xf numFmtId="0" fontId="0" fillId="0" borderId="23" xfId="8" applyFont="1" applyFill="1" applyBorder="1" applyAlignment="1">
      <alignment wrapText="1"/>
    </xf>
    <xf numFmtId="0" fontId="0" fillId="0" borderId="11" xfId="8" applyFont="1" applyFill="1" applyBorder="1" applyAlignment="1">
      <alignment wrapText="1"/>
    </xf>
    <xf numFmtId="0" fontId="0" fillId="0" borderId="16" xfId="0" applyFont="1" applyFill="1" applyBorder="1"/>
    <xf numFmtId="0" fontId="0" fillId="0" borderId="27" xfId="0" applyFont="1" applyFill="1" applyBorder="1" applyAlignment="1">
      <alignment horizontal="center"/>
    </xf>
    <xf numFmtId="0" fontId="0" fillId="0" borderId="25" xfId="0" quotePrefix="1" applyNumberFormat="1" applyFont="1" applyFill="1" applyBorder="1" applyAlignment="1">
      <alignment horizontal="center"/>
    </xf>
    <xf numFmtId="0" fontId="0" fillId="0" borderId="28" xfId="0" applyFont="1" applyFill="1" applyBorder="1" applyAlignment="1">
      <alignment horizontal="center"/>
    </xf>
    <xf numFmtId="0" fontId="0" fillId="0" borderId="25" xfId="10" applyNumberFormat="1" applyFont="1" applyFill="1" applyBorder="1" applyAlignment="1">
      <alignment horizontal="center" wrapText="1"/>
    </xf>
    <xf numFmtId="0" fontId="0" fillId="0" borderId="25" xfId="10" quotePrefix="1" applyNumberFormat="1" applyFont="1" applyFill="1" applyBorder="1" applyAlignment="1">
      <alignment horizontal="center" wrapText="1"/>
    </xf>
    <xf numFmtId="0" fontId="0" fillId="0" borderId="29" xfId="0" applyFont="1" applyFill="1" applyBorder="1" applyAlignment="1">
      <alignment horizontal="center"/>
    </xf>
    <xf numFmtId="0" fontId="0" fillId="0" borderId="30" xfId="0" applyNumberFormat="1" applyFont="1" applyFill="1" applyBorder="1" applyAlignment="1">
      <alignment horizontal="center"/>
    </xf>
    <xf numFmtId="0" fontId="0" fillId="0" borderId="5" xfId="0" applyFont="1" applyFill="1" applyBorder="1" applyAlignment="1">
      <alignment horizontal="left"/>
    </xf>
    <xf numFmtId="0" fontId="0" fillId="0" borderId="5" xfId="0" quotePrefix="1" applyNumberFormat="1" applyFont="1" applyFill="1" applyBorder="1" applyAlignment="1">
      <alignment shrinkToFit="1"/>
    </xf>
    <xf numFmtId="0" fontId="0" fillId="0" borderId="6" xfId="0" applyFont="1" applyFill="1" applyBorder="1" applyAlignment="1">
      <alignment shrinkToFit="1"/>
    </xf>
    <xf numFmtId="0" fontId="0" fillId="0" borderId="23" xfId="0" applyFont="1" applyFill="1" applyBorder="1" applyAlignment="1">
      <alignment shrinkToFit="1"/>
    </xf>
    <xf numFmtId="0" fontId="1" fillId="0" borderId="6" xfId="0" applyFont="1" applyFill="1" applyBorder="1" applyAlignment="1"/>
    <xf numFmtId="0" fontId="0" fillId="0" borderId="11" xfId="0" applyFont="1" applyFill="1" applyBorder="1"/>
    <xf numFmtId="0" fontId="0" fillId="0" borderId="23" xfId="0" applyFont="1" applyFill="1" applyBorder="1" applyAlignment="1">
      <alignment horizontal="center" shrinkToFit="1"/>
    </xf>
    <xf numFmtId="0" fontId="0" fillId="0" borderId="11" xfId="0" applyFont="1" applyFill="1" applyBorder="1" applyAlignment="1">
      <alignment horizontal="center" shrinkToFit="1"/>
    </xf>
    <xf numFmtId="0" fontId="0" fillId="0" borderId="28" xfId="0" applyFont="1" applyFill="1" applyBorder="1" applyAlignment="1">
      <alignment horizontal="center" shrinkToFit="1"/>
    </xf>
    <xf numFmtId="0" fontId="0" fillId="0" borderId="25" xfId="0" applyFont="1" applyFill="1" applyBorder="1" applyAlignment="1">
      <alignment horizontal="center" shrinkToFit="1"/>
    </xf>
    <xf numFmtId="0" fontId="0" fillId="0" borderId="14" xfId="0" applyFont="1" applyFill="1" applyBorder="1" applyAlignment="1">
      <alignment horizontal="center" shrinkToFit="1"/>
    </xf>
    <xf numFmtId="0" fontId="0" fillId="0" borderId="5" xfId="6" applyFont="1" applyFill="1" applyBorder="1" applyAlignment="1">
      <alignment horizontal="center" wrapText="1"/>
    </xf>
    <xf numFmtId="0" fontId="0" fillId="0" borderId="6" xfId="11" applyFont="1" applyFill="1" applyBorder="1" applyAlignment="1" applyProtection="1">
      <alignment horizontal="center"/>
    </xf>
    <xf numFmtId="0" fontId="0" fillId="0" borderId="6" xfId="8" applyFont="1" applyFill="1" applyBorder="1" applyAlignment="1">
      <alignment horizontal="center" wrapText="1"/>
    </xf>
    <xf numFmtId="14" fontId="0" fillId="0" borderId="5" xfId="0" applyNumberFormat="1" applyFont="1" applyFill="1" applyBorder="1" applyAlignment="1">
      <alignment horizontal="center"/>
    </xf>
    <xf numFmtId="176" fontId="0" fillId="0" borderId="10" xfId="6" applyNumberFormat="1" applyFont="1" applyFill="1" applyBorder="1" applyAlignment="1">
      <alignment horizontal="right" wrapText="1"/>
    </xf>
    <xf numFmtId="176" fontId="0" fillId="0" borderId="10" xfId="0" quotePrefix="1" applyNumberFormat="1" applyFont="1" applyFill="1" applyBorder="1"/>
    <xf numFmtId="176" fontId="0" fillId="0" borderId="12" xfId="4" applyNumberFormat="1" applyFont="1" applyFill="1" applyBorder="1" applyAlignment="1"/>
    <xf numFmtId="176" fontId="0" fillId="0" borderId="35" xfId="4" applyNumberFormat="1" applyFont="1" applyFill="1" applyBorder="1" applyAlignment="1"/>
    <xf numFmtId="176" fontId="0" fillId="0" borderId="10" xfId="4" applyNumberFormat="1" applyFont="1" applyFill="1" applyBorder="1" applyAlignment="1"/>
    <xf numFmtId="176" fontId="0" fillId="0" borderId="36" xfId="4" applyNumberFormat="1" applyFont="1" applyFill="1" applyBorder="1" applyAlignment="1"/>
    <xf numFmtId="57" fontId="0" fillId="0" borderId="12" xfId="8" applyNumberFormat="1" applyFont="1" applyFill="1" applyBorder="1" applyAlignment="1">
      <alignment wrapText="1"/>
    </xf>
    <xf numFmtId="176" fontId="0" fillId="0" borderId="22" xfId="0" applyNumberFormat="1" applyFont="1" applyFill="1" applyBorder="1"/>
    <xf numFmtId="57" fontId="0" fillId="0" borderId="10" xfId="0" applyNumberFormat="1" applyFont="1" applyFill="1" applyBorder="1"/>
    <xf numFmtId="57" fontId="0" fillId="0" borderId="37" xfId="0" applyNumberFormat="1" applyFont="1" applyFill="1" applyBorder="1"/>
    <xf numFmtId="57" fontId="0" fillId="0" borderId="38" xfId="0" applyNumberFormat="1" applyFont="1" applyFill="1" applyBorder="1"/>
    <xf numFmtId="176" fontId="0" fillId="0" borderId="35" xfId="0" applyNumberFormat="1" applyFont="1" applyFill="1" applyBorder="1"/>
    <xf numFmtId="176" fontId="0" fillId="0" borderId="36" xfId="0" applyNumberFormat="1" applyFont="1" applyFill="1" applyBorder="1"/>
    <xf numFmtId="176" fontId="0" fillId="0" borderId="39" xfId="0" applyNumberFormat="1" applyFont="1" applyFill="1" applyBorder="1"/>
    <xf numFmtId="0" fontId="10" fillId="0" borderId="15" xfId="13" applyFont="1" applyFill="1" applyBorder="1" applyAlignment="1" applyProtection="1"/>
    <xf numFmtId="0" fontId="0" fillId="0" borderId="7" xfId="0" applyFill="1" applyBorder="1" applyAlignment="1">
      <alignment shrinkToFit="1"/>
    </xf>
    <xf numFmtId="0" fontId="0" fillId="0" borderId="0" xfId="0" applyFont="1" applyFill="1" applyAlignment="1">
      <alignment horizontal="right"/>
    </xf>
    <xf numFmtId="0" fontId="0" fillId="0" borderId="40" xfId="0" applyFont="1" applyFill="1" applyBorder="1"/>
    <xf numFmtId="0" fontId="1" fillId="0" borderId="16" xfId="0" applyFont="1" applyFill="1" applyBorder="1" applyAlignment="1">
      <alignment horizontal="right"/>
    </xf>
    <xf numFmtId="0" fontId="0" fillId="0" borderId="16" xfId="0" quotePrefix="1" applyNumberFormat="1" applyFont="1" applyFill="1" applyBorder="1" applyAlignment="1">
      <alignment horizontal="center"/>
    </xf>
    <xf numFmtId="0" fontId="0" fillId="0" borderId="16" xfId="0" quotePrefix="1" applyNumberFormat="1" applyFont="1" applyFill="1" applyBorder="1" applyAlignment="1">
      <alignment horizontal="left"/>
    </xf>
    <xf numFmtId="0" fontId="0" fillId="0" borderId="16" xfId="0" quotePrefix="1" applyNumberFormat="1" applyFont="1" applyFill="1" applyBorder="1"/>
    <xf numFmtId="0" fontId="0" fillId="0" borderId="16" xfId="0" applyFont="1" applyFill="1" applyBorder="1" applyAlignment="1">
      <alignment shrinkToFit="1"/>
    </xf>
    <xf numFmtId="0" fontId="0" fillId="3" borderId="16" xfId="0" quotePrefix="1" applyNumberFormat="1" applyFont="1" applyFill="1" applyBorder="1" applyAlignment="1">
      <alignment horizontal="center"/>
    </xf>
    <xf numFmtId="0" fontId="0" fillId="0" borderId="16" xfId="0" quotePrefix="1" applyNumberFormat="1" applyFont="1" applyFill="1" applyBorder="1" applyAlignment="1">
      <alignment horizontal="center" shrinkToFit="1"/>
    </xf>
    <xf numFmtId="0" fontId="0" fillId="0" borderId="16" xfId="0" quotePrefix="1" applyNumberFormat="1" applyFont="1" applyFill="1" applyBorder="1" applyAlignment="1">
      <alignment horizontal="left" shrinkToFit="1"/>
    </xf>
    <xf numFmtId="0" fontId="0" fillId="0" borderId="16" xfId="0" quotePrefix="1" applyNumberFormat="1" applyFont="1" applyFill="1" applyBorder="1" applyAlignment="1">
      <alignment shrinkToFit="1"/>
    </xf>
    <xf numFmtId="0" fontId="0" fillId="3" borderId="16" xfId="0" applyNumberFormat="1" applyFont="1" applyFill="1" applyBorder="1" applyAlignment="1">
      <alignment shrinkToFit="1"/>
    </xf>
    <xf numFmtId="0" fontId="12" fillId="0" borderId="16" xfId="0" applyFont="1" applyFill="1" applyBorder="1" applyAlignment="1">
      <alignment wrapText="1" shrinkToFit="1"/>
    </xf>
    <xf numFmtId="0" fontId="12" fillId="0" borderId="16" xfId="0" applyFont="1" applyFill="1" applyBorder="1"/>
    <xf numFmtId="0" fontId="0" fillId="3" borderId="16" xfId="0" applyFont="1" applyFill="1" applyBorder="1" applyAlignment="1">
      <alignment horizontal="center"/>
    </xf>
    <xf numFmtId="176" fontId="0" fillId="0" borderId="16" xfId="0" applyNumberFormat="1" applyFont="1" applyFill="1" applyBorder="1" applyAlignment="1">
      <alignment horizontal="center" shrinkToFit="1"/>
    </xf>
    <xf numFmtId="176" fontId="0" fillId="0" borderId="16" xfId="0" applyNumberFormat="1" applyFont="1" applyFill="1" applyBorder="1" applyAlignment="1">
      <alignment horizontal="right" shrinkToFit="1"/>
    </xf>
    <xf numFmtId="176" fontId="0" fillId="0" borderId="16" xfId="0" applyNumberFormat="1" applyFont="1" applyFill="1" applyBorder="1"/>
    <xf numFmtId="176" fontId="0" fillId="0" borderId="16" xfId="0" applyNumberFormat="1" applyFont="1" applyFill="1" applyBorder="1" applyAlignment="1" applyProtection="1"/>
    <xf numFmtId="57" fontId="0" fillId="0" borderId="16" xfId="0" applyNumberFormat="1" applyFont="1" applyFill="1" applyBorder="1"/>
    <xf numFmtId="176" fontId="0" fillId="0" borderId="6" xfId="0" applyNumberFormat="1" applyFont="1" applyFill="1" applyBorder="1"/>
    <xf numFmtId="176" fontId="0" fillId="0" borderId="5" xfId="0" applyNumberFormat="1" applyFont="1" applyFill="1" applyBorder="1"/>
    <xf numFmtId="57" fontId="0" fillId="0" borderId="5" xfId="0" applyNumberFormat="1" applyFont="1" applyFill="1" applyBorder="1"/>
    <xf numFmtId="176" fontId="0" fillId="0" borderId="16" xfId="0" applyNumberFormat="1" applyFill="1" applyBorder="1" applyAlignment="1">
      <alignment horizontal="right"/>
    </xf>
    <xf numFmtId="0" fontId="1" fillId="0" borderId="1" xfId="0" applyFont="1" applyFill="1" applyBorder="1" applyAlignment="1">
      <alignment horizontal="center"/>
    </xf>
    <xf numFmtId="0" fontId="0" fillId="0" borderId="41" xfId="0" applyFont="1" applyFill="1" applyBorder="1"/>
    <xf numFmtId="0" fontId="0" fillId="0" borderId="4" xfId="0" quotePrefix="1" applyNumberFormat="1" applyFont="1" applyFill="1" applyBorder="1" applyAlignment="1">
      <alignment horizontal="center"/>
    </xf>
    <xf numFmtId="0" fontId="0" fillId="0" borderId="6" xfId="0" quotePrefix="1" applyNumberFormat="1" applyFont="1" applyFill="1" applyBorder="1" applyAlignment="1">
      <alignment horizontal="center"/>
    </xf>
    <xf numFmtId="0" fontId="0" fillId="0" borderId="42" xfId="0" applyFont="1" applyFill="1" applyBorder="1" applyAlignment="1">
      <alignment horizontal="center"/>
    </xf>
    <xf numFmtId="0" fontId="0" fillId="0" borderId="43" xfId="0" applyFont="1" applyFill="1" applyBorder="1"/>
    <xf numFmtId="0" fontId="0" fillId="0" borderId="6" xfId="0" quotePrefix="1" applyNumberFormat="1" applyFont="1" applyFill="1" applyBorder="1"/>
    <xf numFmtId="0" fontId="0" fillId="0" borderId="42" xfId="0" applyFont="1" applyFill="1" applyBorder="1" applyAlignment="1">
      <alignment shrinkToFit="1"/>
    </xf>
    <xf numFmtId="0" fontId="0" fillId="0" borderId="42" xfId="0" applyFont="1" applyFill="1" applyBorder="1"/>
    <xf numFmtId="0" fontId="0" fillId="0" borderId="9" xfId="0" quotePrefix="1" applyNumberFormat="1" applyFont="1" applyFill="1" applyBorder="1" applyAlignment="1">
      <alignment horizontal="center"/>
    </xf>
    <xf numFmtId="57" fontId="0" fillId="0" borderId="39" xfId="0" applyNumberFormat="1" applyFont="1" applyFill="1" applyBorder="1"/>
    <xf numFmtId="57" fontId="0" fillId="0" borderId="44" xfId="0" applyNumberFormat="1" applyFont="1" applyFill="1" applyBorder="1"/>
    <xf numFmtId="0" fontId="1" fillId="0" borderId="1" xfId="0" applyFont="1" applyFill="1" applyBorder="1"/>
    <xf numFmtId="0" fontId="0" fillId="0" borderId="0" xfId="0" applyFont="1" applyFill="1" applyAlignment="1">
      <alignment wrapText="1" shrinkToFit="1"/>
    </xf>
    <xf numFmtId="0" fontId="0" fillId="0" borderId="45" xfId="0" applyFont="1" applyFill="1" applyBorder="1"/>
    <xf numFmtId="0" fontId="0" fillId="0" borderId="46" xfId="0" applyFont="1" applyFill="1" applyBorder="1"/>
    <xf numFmtId="0" fontId="0" fillId="0" borderId="5" xfId="0" applyFont="1" applyFill="1" applyBorder="1" applyAlignment="1"/>
    <xf numFmtId="0" fontId="0" fillId="0" borderId="5" xfId="0" applyFont="1" applyFill="1" applyBorder="1" applyAlignment="1">
      <alignment wrapText="1" shrinkToFit="1"/>
    </xf>
    <xf numFmtId="0" fontId="0" fillId="0" borderId="0" xfId="0" applyNumberFormat="1" applyFont="1" applyFill="1" applyBorder="1" applyAlignment="1">
      <alignment wrapText="1" shrinkToFit="1"/>
    </xf>
    <xf numFmtId="0" fontId="0" fillId="0" borderId="5" xfId="0" applyFont="1" applyFill="1" applyBorder="1" applyAlignment="1">
      <alignment horizontal="right"/>
    </xf>
    <xf numFmtId="0" fontId="0" fillId="0" borderId="25" xfId="0" applyFill="1" applyBorder="1"/>
    <xf numFmtId="0" fontId="0" fillId="0" borderId="29" xfId="0" applyFont="1" applyFill="1" applyBorder="1"/>
    <xf numFmtId="0" fontId="0" fillId="0" borderId="30" xfId="0" applyNumberFormat="1" applyFont="1" applyFill="1" applyBorder="1"/>
    <xf numFmtId="0" fontId="0" fillId="0" borderId="25" xfId="0" applyFont="1" applyFill="1" applyBorder="1" applyAlignment="1">
      <alignment wrapText="1" shrinkToFit="1"/>
    </xf>
    <xf numFmtId="38" fontId="0" fillId="0" borderId="46" xfId="12" applyFont="1" applyFill="1" applyBorder="1" applyAlignment="1">
      <alignment wrapText="1" shrinkToFit="1"/>
    </xf>
    <xf numFmtId="0" fontId="0" fillId="0" borderId="29" xfId="0" quotePrefix="1" applyNumberFormat="1" applyFont="1" applyFill="1" applyBorder="1" applyAlignment="1">
      <alignment horizontal="center"/>
    </xf>
    <xf numFmtId="0" fontId="0" fillId="0" borderId="47" xfId="0" applyFont="1" applyFill="1" applyBorder="1"/>
    <xf numFmtId="0" fontId="0" fillId="0" borderId="42" xfId="0" applyFont="1" applyFill="1" applyBorder="1" applyAlignment="1">
      <alignment horizontal="center" shrinkToFit="1"/>
    </xf>
    <xf numFmtId="14" fontId="0" fillId="0" borderId="6" xfId="0" applyNumberFormat="1" applyFont="1" applyFill="1" applyBorder="1" applyAlignment="1">
      <alignment horizontal="center"/>
    </xf>
    <xf numFmtId="57" fontId="0" fillId="0" borderId="10" xfId="0" applyNumberFormat="1" applyFont="1" applyFill="1" applyBorder="1" applyAlignment="1"/>
    <xf numFmtId="176" fontId="0" fillId="0" borderId="48" xfId="0" applyNumberFormat="1" applyFont="1" applyFill="1" applyBorder="1"/>
    <xf numFmtId="176" fontId="0" fillId="0" borderId="49" xfId="0" applyNumberFormat="1" applyFont="1" applyFill="1" applyBorder="1"/>
    <xf numFmtId="0" fontId="0" fillId="0" borderId="0" xfId="9" quotePrefix="1" applyNumberFormat="1" applyFont="1" applyFill="1" applyBorder="1" applyAlignment="1">
      <alignment shrinkToFit="1"/>
    </xf>
    <xf numFmtId="0" fontId="1" fillId="0" borderId="0" xfId="0" applyFont="1" applyFill="1" applyBorder="1" applyAlignment="1">
      <alignment wrapText="1"/>
    </xf>
    <xf numFmtId="0" fontId="10" fillId="0" borderId="15" xfId="13" quotePrefix="1" applyNumberFormat="1" applyFont="1" applyFill="1" applyBorder="1" applyAlignment="1" applyProtection="1">
      <alignment shrinkToFit="1"/>
    </xf>
    <xf numFmtId="0" fontId="10" fillId="0" borderId="0" xfId="13" quotePrefix="1" applyNumberFormat="1" applyFont="1" applyFill="1" applyBorder="1" applyAlignment="1" applyProtection="1">
      <alignment shrinkToFit="1"/>
    </xf>
    <xf numFmtId="0" fontId="0" fillId="0" borderId="50" xfId="0" applyFont="1" applyFill="1" applyBorder="1"/>
    <xf numFmtId="0" fontId="0" fillId="0" borderId="51" xfId="0" applyFont="1" applyFill="1" applyBorder="1"/>
    <xf numFmtId="0" fontId="0" fillId="0" borderId="4" xfId="0" quotePrefix="1" applyNumberFormat="1" applyFont="1" applyFill="1" applyBorder="1"/>
    <xf numFmtId="0" fontId="0" fillId="0" borderId="51" xfId="0" applyFont="1" applyFill="1" applyBorder="1" applyAlignment="1">
      <alignment horizontal="center"/>
    </xf>
    <xf numFmtId="0" fontId="0" fillId="0" borderId="4" xfId="0" quotePrefix="1" applyNumberFormat="1" applyFont="1" applyFill="1" applyBorder="1" applyAlignment="1">
      <alignment shrinkToFit="1"/>
    </xf>
    <xf numFmtId="0" fontId="0" fillId="0" borderId="9" xfId="0" applyFont="1" applyFill="1" applyBorder="1" applyAlignment="1">
      <alignment horizontal="center"/>
    </xf>
    <xf numFmtId="0" fontId="0" fillId="0" borderId="52" xfId="0" applyFont="1" applyFill="1" applyBorder="1"/>
    <xf numFmtId="0" fontId="0" fillId="0" borderId="1" xfId="0" applyFont="1" applyFill="1" applyBorder="1" applyAlignment="1">
      <alignment horizontal="center"/>
    </xf>
    <xf numFmtId="0" fontId="0" fillId="0" borderId="4" xfId="0" applyNumberFormat="1" applyFont="1" applyFill="1" applyBorder="1" applyAlignment="1">
      <alignment horizontal="center"/>
    </xf>
    <xf numFmtId="0" fontId="1" fillId="0" borderId="5" xfId="0" applyFont="1" applyFill="1" applyBorder="1" applyAlignment="1">
      <alignment shrinkToFit="1"/>
    </xf>
    <xf numFmtId="0" fontId="0" fillId="0" borderId="6" xfId="0" quotePrefix="1" applyNumberFormat="1" applyFont="1" applyFill="1" applyBorder="1" applyAlignment="1">
      <alignment shrinkToFit="1"/>
    </xf>
    <xf numFmtId="0" fontId="5" fillId="0" borderId="5" xfId="0" applyFont="1" applyFill="1" applyBorder="1" applyAlignment="1">
      <alignment horizontal="center" wrapText="1"/>
    </xf>
    <xf numFmtId="0" fontId="0" fillId="0" borderId="0" xfId="0" applyFont="1" applyFill="1" applyAlignment="1">
      <alignment horizontal="center"/>
    </xf>
    <xf numFmtId="57" fontId="0" fillId="0" borderId="5" xfId="0" quotePrefix="1" applyNumberFormat="1" applyFont="1" applyFill="1" applyBorder="1"/>
    <xf numFmtId="176" fontId="0" fillId="0" borderId="9" xfId="0" applyNumberFormat="1" applyFont="1" applyFill="1" applyBorder="1" applyAlignment="1">
      <alignment horizontal="center"/>
    </xf>
    <xf numFmtId="0" fontId="11" fillId="0" borderId="15" xfId="13" applyFont="1" applyFill="1" applyBorder="1" applyAlignment="1" applyProtection="1"/>
    <xf numFmtId="0" fontId="12" fillId="0" borderId="5" xfId="6" applyFont="1" applyFill="1" applyBorder="1" applyAlignment="1">
      <alignment wrapText="1"/>
    </xf>
    <xf numFmtId="14" fontId="0" fillId="0" borderId="5" xfId="7" applyNumberFormat="1" applyFont="1" applyFill="1" applyBorder="1" applyAlignment="1">
      <alignment horizontal="center" wrapText="1"/>
    </xf>
    <xf numFmtId="176" fontId="0" fillId="0" borderId="5" xfId="0" applyNumberFormat="1" applyFont="1" applyFill="1" applyBorder="1" applyAlignment="1">
      <alignment horizontal="center" shrinkToFit="1"/>
    </xf>
    <xf numFmtId="176" fontId="0" fillId="0" borderId="5" xfId="7" applyNumberFormat="1" applyFont="1" applyFill="1" applyBorder="1" applyAlignment="1">
      <alignment horizontal="right" wrapText="1"/>
    </xf>
    <xf numFmtId="176" fontId="0" fillId="0" borderId="5" xfId="7" applyNumberFormat="1" applyFont="1" applyFill="1" applyBorder="1" applyAlignment="1">
      <alignment wrapText="1"/>
    </xf>
    <xf numFmtId="0" fontId="0" fillId="0" borderId="0" xfId="0" applyFont="1" applyFill="1" applyAlignment="1"/>
    <xf numFmtId="0" fontId="0" fillId="0" borderId="0" xfId="0" applyFont="1" applyFill="1" applyBorder="1" applyAlignment="1">
      <alignment shrinkToFit="1"/>
    </xf>
    <xf numFmtId="0" fontId="0" fillId="0" borderId="16" xfId="6" applyFont="1" applyFill="1" applyBorder="1" applyAlignment="1">
      <alignment wrapText="1"/>
    </xf>
    <xf numFmtId="0" fontId="2" fillId="0" borderId="16" xfId="0" applyFont="1" applyFill="1" applyBorder="1" applyAlignment="1">
      <alignment horizontal="center"/>
    </xf>
    <xf numFmtId="176" fontId="0" fillId="0" borderId="5" xfId="0" applyNumberFormat="1" applyFont="1" applyFill="1" applyBorder="1" applyAlignment="1">
      <alignment horizontal="right"/>
    </xf>
    <xf numFmtId="176" fontId="0" fillId="0" borderId="16" xfId="7" applyNumberFormat="1" applyFont="1" applyFill="1" applyBorder="1" applyAlignment="1">
      <alignment horizontal="right" wrapText="1"/>
    </xf>
    <xf numFmtId="176" fontId="0" fillId="0" borderId="16" xfId="0" applyNumberFormat="1" applyFont="1" applyFill="1" applyBorder="1" applyAlignment="1">
      <alignment shrinkToFit="1"/>
    </xf>
    <xf numFmtId="0" fontId="13" fillId="0" borderId="0" xfId="0" applyFont="1" applyFill="1" applyBorder="1" applyAlignment="1">
      <alignment shrinkToFit="1"/>
    </xf>
    <xf numFmtId="0" fontId="10" fillId="0" borderId="0" xfId="13" applyFont="1" applyFill="1" applyBorder="1" applyAlignment="1" applyProtection="1"/>
    <xf numFmtId="0" fontId="0" fillId="0" borderId="4" xfId="0" applyFont="1" applyFill="1" applyBorder="1" applyAlignment="1">
      <alignment horizontal="center" wrapText="1" shrinkToFit="1"/>
    </xf>
    <xf numFmtId="0" fontId="0" fillId="0" borderId="4" xfId="0" applyFont="1" applyFill="1" applyBorder="1" applyAlignment="1">
      <alignment horizontal="center" shrinkToFit="1"/>
    </xf>
    <xf numFmtId="0" fontId="0" fillId="0" borderId="31" xfId="0" applyFont="1" applyFill="1" applyBorder="1" applyAlignment="1">
      <alignment horizontal="center" shrinkToFit="1"/>
    </xf>
    <xf numFmtId="0" fontId="0" fillId="0" borderId="32" xfId="0" applyFont="1" applyFill="1" applyBorder="1" applyAlignment="1">
      <alignment horizontal="center" shrinkToFit="1"/>
    </xf>
    <xf numFmtId="0" fontId="0" fillId="0" borderId="33" xfId="0" applyFont="1" applyFill="1" applyBorder="1" applyAlignment="1">
      <alignment horizontal="center" shrinkToFit="1"/>
    </xf>
    <xf numFmtId="0" fontId="0" fillId="0" borderId="18" xfId="0" applyFont="1" applyFill="1" applyBorder="1" applyAlignment="1">
      <alignment horizontal="center" shrinkToFit="1"/>
    </xf>
    <xf numFmtId="0" fontId="0" fillId="0" borderId="19" xfId="0" applyFont="1" applyFill="1" applyBorder="1" applyAlignment="1">
      <alignment horizontal="center" shrinkToFit="1"/>
    </xf>
    <xf numFmtId="0" fontId="0" fillId="0" borderId="20" xfId="0" applyFont="1" applyFill="1" applyBorder="1" applyAlignment="1">
      <alignment horizontal="center" shrinkToFit="1"/>
    </xf>
    <xf numFmtId="0" fontId="0" fillId="0" borderId="21" xfId="0" applyFont="1" applyFill="1" applyBorder="1" applyAlignment="1">
      <alignment horizontal="center" shrinkToFit="1"/>
    </xf>
    <xf numFmtId="0" fontId="0" fillId="0" borderId="26" xfId="0" applyFont="1" applyFill="1" applyBorder="1" applyAlignment="1">
      <alignment horizontal="center" shrinkToFit="1"/>
    </xf>
    <xf numFmtId="0" fontId="0" fillId="0" borderId="24" xfId="0" applyFont="1" applyFill="1" applyBorder="1" applyAlignment="1">
      <alignment horizontal="center" shrinkToFit="1"/>
    </xf>
    <xf numFmtId="176" fontId="0" fillId="0" borderId="34" xfId="0" applyNumberFormat="1" applyFont="1" applyFill="1" applyBorder="1" applyAlignment="1">
      <alignment horizontal="center" shrinkToFit="1"/>
    </xf>
    <xf numFmtId="0" fontId="0" fillId="0" borderId="35" xfId="0" applyFont="1" applyFill="1" applyBorder="1" applyAlignment="1">
      <alignment horizontal="center" shrinkToFit="1"/>
    </xf>
    <xf numFmtId="0" fontId="0" fillId="0" borderId="17" xfId="0" applyFont="1" applyFill="1" applyBorder="1" applyAlignment="1">
      <alignment horizontal="right" vertical="center"/>
    </xf>
    <xf numFmtId="0" fontId="0" fillId="0" borderId="19" xfId="0" applyFont="1" applyFill="1" applyBorder="1" applyAlignment="1">
      <alignment horizontal="right" vertical="center"/>
    </xf>
    <xf numFmtId="0" fontId="0" fillId="0" borderId="16" xfId="0" quotePrefix="1" applyFill="1" applyBorder="1" applyAlignment="1">
      <alignment horizontal="center"/>
    </xf>
    <xf numFmtId="0" fontId="0" fillId="0" borderId="16" xfId="0" quotePrefix="1" applyFill="1" applyBorder="1"/>
    <xf numFmtId="0" fontId="0" fillId="0" borderId="16" xfId="0" applyFill="1" applyBorder="1" applyAlignment="1">
      <alignment horizontal="center"/>
    </xf>
  </cellXfs>
  <cellStyles count="14">
    <cellStyle name="ハイパーリンク" xfId="13" builtinId="8"/>
    <cellStyle name="桁区切り" xfId="12" builtinId="6"/>
    <cellStyle name="標準" xfId="0" builtinId="0"/>
    <cellStyle name="標準 2" xfId="1" xr:uid="{00000000-0005-0000-0000-000001000000}"/>
    <cellStyle name="標準 2 2" xfId="2" xr:uid="{00000000-0005-0000-0000-000002000000}"/>
    <cellStyle name="標準 2 3" xfId="3" xr:uid="{00000000-0005-0000-0000-000003000000}"/>
    <cellStyle name="標準 3" xfId="4" xr:uid="{00000000-0005-0000-0000-000004000000}"/>
    <cellStyle name="標準 4" xfId="5" xr:uid="{00000000-0005-0000-0000-000005000000}"/>
    <cellStyle name="標準_H21年9月開所" xfId="6" xr:uid="{00000000-0005-0000-0000-000006000000}"/>
    <cellStyle name="標準_H22年3月開所" xfId="7" xr:uid="{00000000-0005-0000-0000-000007000000}"/>
    <cellStyle name="標準_H22年4月開所" xfId="8" xr:uid="{00000000-0005-0000-0000-000008000000}"/>
    <cellStyle name="標準_メールあり (2)" xfId="9" xr:uid="{00000000-0005-0000-0000-000009000000}"/>
    <cellStyle name="標準_新規" xfId="10" xr:uid="{00000000-0005-0000-0000-00000A000000}"/>
    <cellStyle name="良い" xfId="11" builtinId="26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>
    <a:sp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spDef>
    <a:ln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5.bin"/><Relationship Id="rId1" Type="http://schemas.openxmlformats.org/officeDocument/2006/relationships/hyperlink" Target="mailto:mc.marutomi.20160601@aroma.ocn.ne.jp" TargetMode="Externa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7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7" spans="2:7" ht="69" x14ac:dyDescent="0.6">
      <c r="B7" s="2" t="s">
        <v>1256</v>
      </c>
    </row>
    <row r="8" spans="2:7" ht="60.6" customHeight="1" x14ac:dyDescent="0.5">
      <c r="B8" s="3" t="s">
        <v>1908</v>
      </c>
    </row>
    <row r="12" spans="2:7" ht="42" x14ac:dyDescent="0.4">
      <c r="G12" s="4" t="s">
        <v>2157</v>
      </c>
    </row>
  </sheetData>
  <phoneticPr fontId="5"/>
  <pageMargins left="0.7" right="0.7" top="0.75" bottom="0.75" header="0.3" footer="0.3"/>
  <pageSetup paperSize="9" orientation="landscape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16">
    <tabColor theme="9"/>
  </sheetPr>
  <dimension ref="A1:M105"/>
  <sheetViews>
    <sheetView workbookViewId="0">
      <pane xSplit="3" topLeftCell="D1" activePane="topRight" state="frozen"/>
      <selection pane="topRigh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6.625" style="54" customWidth="1"/>
    <col min="4" max="4" width="7.625" style="154" customWidth="1"/>
    <col min="5" max="5" width="10.625" style="1" customWidth="1"/>
    <col min="6" max="6" width="40.625" style="54" customWidth="1"/>
    <col min="7" max="7" width="10.625" style="5" customWidth="1"/>
    <col min="8" max="9" width="9.625" style="5" customWidth="1"/>
    <col min="10" max="11" width="15.625" style="1" customWidth="1"/>
    <col min="12" max="12" width="9.625" style="37" customWidth="1"/>
    <col min="13" max="16384" width="9" style="1"/>
  </cols>
  <sheetData>
    <row r="1" spans="1:12" s="49" customFormat="1" ht="36.950000000000003" customHeight="1" x14ac:dyDescent="0.15">
      <c r="A1" s="8"/>
      <c r="B1" s="11" t="s">
        <v>285</v>
      </c>
      <c r="C1" s="11" t="s">
        <v>530</v>
      </c>
      <c r="D1" s="11" t="s">
        <v>838</v>
      </c>
      <c r="E1" s="38" t="s">
        <v>1866</v>
      </c>
      <c r="F1" s="11" t="s">
        <v>830</v>
      </c>
      <c r="G1" s="11" t="s">
        <v>1155</v>
      </c>
      <c r="H1" s="11" t="s">
        <v>406</v>
      </c>
      <c r="I1" s="11" t="s">
        <v>772</v>
      </c>
      <c r="J1" s="11" t="s">
        <v>832</v>
      </c>
      <c r="K1" s="143" t="s">
        <v>1726</v>
      </c>
      <c r="L1" s="29" t="s">
        <v>182</v>
      </c>
    </row>
    <row r="2" spans="1:12" ht="26.25" customHeight="1" x14ac:dyDescent="0.15">
      <c r="A2" s="9">
        <v>1</v>
      </c>
      <c r="B2" s="12">
        <v>1670100229</v>
      </c>
      <c r="C2" s="67" t="s">
        <v>856</v>
      </c>
      <c r="D2" s="158">
        <v>40</v>
      </c>
      <c r="E2" s="63">
        <v>9300142</v>
      </c>
      <c r="F2" s="67" t="s">
        <v>1206</v>
      </c>
      <c r="G2" s="24" t="s">
        <v>116</v>
      </c>
      <c r="H2" s="12" t="s">
        <v>118</v>
      </c>
      <c r="I2" s="12" t="s">
        <v>118</v>
      </c>
      <c r="J2" s="12" t="s">
        <v>566</v>
      </c>
      <c r="K2" s="12" t="s">
        <v>260</v>
      </c>
      <c r="L2" s="39">
        <v>36410</v>
      </c>
    </row>
    <row r="3" spans="1:12" ht="26.25" customHeight="1" x14ac:dyDescent="0.15">
      <c r="A3" s="9">
        <v>2</v>
      </c>
      <c r="B3" s="12">
        <v>1671500070</v>
      </c>
      <c r="C3" s="67" t="s">
        <v>1937</v>
      </c>
      <c r="D3" s="158">
        <v>19</v>
      </c>
      <c r="E3" s="63">
        <v>9301326</v>
      </c>
      <c r="F3" s="67" t="s">
        <v>1938</v>
      </c>
      <c r="G3" s="24" t="s">
        <v>378</v>
      </c>
      <c r="H3" s="12" t="s">
        <v>118</v>
      </c>
      <c r="I3" s="12" t="s">
        <v>118</v>
      </c>
      <c r="J3" s="12" t="s">
        <v>762</v>
      </c>
      <c r="K3" s="12" t="s">
        <v>672</v>
      </c>
      <c r="L3" s="39">
        <v>36433</v>
      </c>
    </row>
    <row r="4" spans="1:12" ht="26.25" customHeight="1" x14ac:dyDescent="0.15">
      <c r="A4" s="9">
        <v>3</v>
      </c>
      <c r="B4" s="12">
        <v>1670100161</v>
      </c>
      <c r="C4" s="67" t="s">
        <v>122</v>
      </c>
      <c r="D4" s="158">
        <v>35</v>
      </c>
      <c r="E4" s="63">
        <v>9300016</v>
      </c>
      <c r="F4" s="67" t="s">
        <v>1824</v>
      </c>
      <c r="G4" s="24" t="s">
        <v>1939</v>
      </c>
      <c r="H4" s="12" t="s">
        <v>118</v>
      </c>
      <c r="I4" s="12" t="s">
        <v>118</v>
      </c>
      <c r="J4" s="12" t="s">
        <v>1530</v>
      </c>
      <c r="K4" s="12" t="s">
        <v>606</v>
      </c>
      <c r="L4" s="39">
        <v>36455</v>
      </c>
    </row>
    <row r="5" spans="1:12" ht="26.25" customHeight="1" x14ac:dyDescent="0.15">
      <c r="A5" s="9">
        <v>4</v>
      </c>
      <c r="B5" s="12">
        <v>1670100401</v>
      </c>
      <c r="C5" s="67" t="s">
        <v>319</v>
      </c>
      <c r="D5" s="158">
        <v>50</v>
      </c>
      <c r="E5" s="63">
        <v>9398025</v>
      </c>
      <c r="F5" s="67" t="s">
        <v>1211</v>
      </c>
      <c r="G5" s="24" t="s">
        <v>1504</v>
      </c>
      <c r="H5" s="12" t="s">
        <v>118</v>
      </c>
      <c r="I5" s="12" t="s">
        <v>118</v>
      </c>
      <c r="J5" s="12" t="s">
        <v>841</v>
      </c>
      <c r="K5" s="12" t="s">
        <v>974</v>
      </c>
      <c r="L5" s="39">
        <v>36495</v>
      </c>
    </row>
    <row r="6" spans="1:12" ht="26.25" customHeight="1" x14ac:dyDescent="0.15">
      <c r="A6" s="9">
        <v>5</v>
      </c>
      <c r="B6" s="12">
        <v>1671800108</v>
      </c>
      <c r="C6" s="67" t="s">
        <v>1940</v>
      </c>
      <c r="D6" s="158">
        <v>40</v>
      </c>
      <c r="E6" s="63">
        <v>9392376</v>
      </c>
      <c r="F6" s="67" t="s">
        <v>1804</v>
      </c>
      <c r="G6" s="24" t="s">
        <v>1941</v>
      </c>
      <c r="H6" s="12" t="s">
        <v>118</v>
      </c>
      <c r="I6" s="12" t="s">
        <v>118</v>
      </c>
      <c r="J6" s="12" t="s">
        <v>1531</v>
      </c>
      <c r="K6" s="12" t="s">
        <v>1942</v>
      </c>
      <c r="L6" s="39">
        <v>36536</v>
      </c>
    </row>
    <row r="7" spans="1:12" ht="26.25" customHeight="1" x14ac:dyDescent="0.15">
      <c r="A7" s="9">
        <v>6</v>
      </c>
      <c r="B7" s="12">
        <v>1670100633</v>
      </c>
      <c r="C7" s="67" t="s">
        <v>624</v>
      </c>
      <c r="D7" s="158">
        <v>35</v>
      </c>
      <c r="E7" s="63">
        <v>9398222</v>
      </c>
      <c r="F7" s="67" t="s">
        <v>980</v>
      </c>
      <c r="G7" s="24" t="s">
        <v>1458</v>
      </c>
      <c r="H7" s="12" t="s">
        <v>118</v>
      </c>
      <c r="I7" s="12" t="s">
        <v>118</v>
      </c>
      <c r="J7" s="12" t="s">
        <v>381</v>
      </c>
      <c r="K7" s="12" t="s">
        <v>356</v>
      </c>
      <c r="L7" s="39">
        <v>36570</v>
      </c>
    </row>
    <row r="8" spans="1:12" ht="26.25" customHeight="1" x14ac:dyDescent="0.15">
      <c r="A8" s="9">
        <v>7</v>
      </c>
      <c r="B8" s="12">
        <v>1670100682</v>
      </c>
      <c r="C8" s="67" t="s">
        <v>144</v>
      </c>
      <c r="D8" s="158">
        <v>40</v>
      </c>
      <c r="E8" s="63">
        <v>9302215</v>
      </c>
      <c r="F8" s="67" t="s">
        <v>1212</v>
      </c>
      <c r="G8" s="24" t="s">
        <v>486</v>
      </c>
      <c r="H8" s="12" t="s">
        <v>118</v>
      </c>
      <c r="I8" s="12" t="s">
        <v>118</v>
      </c>
      <c r="J8" s="12" t="s">
        <v>1825</v>
      </c>
      <c r="K8" s="12" t="s">
        <v>200</v>
      </c>
      <c r="L8" s="39">
        <v>36570</v>
      </c>
    </row>
    <row r="9" spans="1:12" ht="26.25" customHeight="1" x14ac:dyDescent="0.15">
      <c r="A9" s="9">
        <v>8</v>
      </c>
      <c r="B9" s="12">
        <v>1670100823</v>
      </c>
      <c r="C9" s="67" t="s">
        <v>1826</v>
      </c>
      <c r="D9" s="158">
        <v>45</v>
      </c>
      <c r="E9" s="63">
        <v>9393535</v>
      </c>
      <c r="F9" s="67" t="s">
        <v>1288</v>
      </c>
      <c r="G9" s="24" t="s">
        <v>894</v>
      </c>
      <c r="H9" s="12" t="s">
        <v>118</v>
      </c>
      <c r="I9" s="12" t="s">
        <v>118</v>
      </c>
      <c r="J9" s="12" t="s">
        <v>293</v>
      </c>
      <c r="K9" s="12" t="s">
        <v>562</v>
      </c>
      <c r="L9" s="39">
        <v>36593</v>
      </c>
    </row>
    <row r="10" spans="1:12" ht="26.25" customHeight="1" x14ac:dyDescent="0.15">
      <c r="A10" s="9">
        <v>9</v>
      </c>
      <c r="B10" s="12">
        <v>1670100807</v>
      </c>
      <c r="C10" s="67" t="s">
        <v>815</v>
      </c>
      <c r="D10" s="158">
        <v>20</v>
      </c>
      <c r="E10" s="63">
        <v>9302233</v>
      </c>
      <c r="F10" s="67" t="s">
        <v>545</v>
      </c>
      <c r="G10" s="24" t="s">
        <v>1943</v>
      </c>
      <c r="H10" s="12" t="s">
        <v>118</v>
      </c>
      <c r="I10" s="12" t="s">
        <v>118</v>
      </c>
      <c r="J10" s="12" t="s">
        <v>269</v>
      </c>
      <c r="K10" s="12" t="s">
        <v>1051</v>
      </c>
      <c r="L10" s="39">
        <v>36593</v>
      </c>
    </row>
    <row r="11" spans="1:12" ht="26.25" customHeight="1" x14ac:dyDescent="0.15">
      <c r="A11" s="9">
        <v>10</v>
      </c>
      <c r="B11" s="12">
        <v>1670100450</v>
      </c>
      <c r="C11" s="67" t="s">
        <v>9</v>
      </c>
      <c r="D11" s="158">
        <v>24</v>
      </c>
      <c r="E11" s="63">
        <v>9398046</v>
      </c>
      <c r="F11" s="67" t="s">
        <v>1535</v>
      </c>
      <c r="G11" s="24" t="s">
        <v>342</v>
      </c>
      <c r="H11" s="12" t="s">
        <v>118</v>
      </c>
      <c r="I11" s="12" t="s">
        <v>118</v>
      </c>
      <c r="J11" s="12" t="s">
        <v>757</v>
      </c>
      <c r="K11" s="12" t="s">
        <v>96</v>
      </c>
      <c r="L11" s="39">
        <v>36980</v>
      </c>
    </row>
    <row r="12" spans="1:12" ht="26.25" customHeight="1" x14ac:dyDescent="0.15">
      <c r="A12" s="9">
        <v>11</v>
      </c>
      <c r="B12" s="12">
        <v>1671800223</v>
      </c>
      <c r="C12" s="67" t="s">
        <v>1944</v>
      </c>
      <c r="D12" s="158">
        <v>25</v>
      </c>
      <c r="E12" s="63">
        <v>9392717</v>
      </c>
      <c r="F12" s="67" t="s">
        <v>693</v>
      </c>
      <c r="G12" s="24" t="s">
        <v>1918</v>
      </c>
      <c r="H12" s="12" t="s">
        <v>118</v>
      </c>
      <c r="I12" s="12" t="s">
        <v>118</v>
      </c>
      <c r="J12" s="12" t="s">
        <v>453</v>
      </c>
      <c r="K12" s="12" t="s">
        <v>66</v>
      </c>
      <c r="L12" s="39">
        <v>37012</v>
      </c>
    </row>
    <row r="13" spans="1:12" ht="26.25" customHeight="1" x14ac:dyDescent="0.15">
      <c r="A13" s="9">
        <v>12</v>
      </c>
      <c r="B13" s="12">
        <v>1670101870</v>
      </c>
      <c r="C13" s="67" t="s">
        <v>1053</v>
      </c>
      <c r="D13" s="158">
        <v>40</v>
      </c>
      <c r="E13" s="63">
        <v>9398121</v>
      </c>
      <c r="F13" s="67" t="s">
        <v>1294</v>
      </c>
      <c r="G13" s="24" t="s">
        <v>1945</v>
      </c>
      <c r="H13" s="12" t="s">
        <v>118</v>
      </c>
      <c r="I13" s="12" t="s">
        <v>118</v>
      </c>
      <c r="J13" s="12" t="s">
        <v>385</v>
      </c>
      <c r="K13" s="12" t="s">
        <v>386</v>
      </c>
      <c r="L13" s="39">
        <v>37347</v>
      </c>
    </row>
    <row r="14" spans="1:12" ht="26.25" customHeight="1" x14ac:dyDescent="0.15">
      <c r="A14" s="9">
        <v>13</v>
      </c>
      <c r="B14" s="12">
        <v>1670101946</v>
      </c>
      <c r="C14" s="67" t="s">
        <v>2150</v>
      </c>
      <c r="D14" s="158">
        <v>28</v>
      </c>
      <c r="E14" s="63">
        <v>9300142</v>
      </c>
      <c r="F14" s="67" t="s">
        <v>1045</v>
      </c>
      <c r="G14" s="24" t="s">
        <v>116</v>
      </c>
      <c r="H14" s="12" t="s">
        <v>118</v>
      </c>
      <c r="I14" s="12" t="s">
        <v>118</v>
      </c>
      <c r="J14" s="12" t="s">
        <v>427</v>
      </c>
      <c r="K14" s="12" t="s">
        <v>427</v>
      </c>
      <c r="L14" s="39">
        <v>37407</v>
      </c>
    </row>
    <row r="15" spans="1:12" ht="26.25" customHeight="1" x14ac:dyDescent="0.15">
      <c r="A15" s="9">
        <v>14</v>
      </c>
      <c r="B15" s="12">
        <v>1670102142</v>
      </c>
      <c r="C15" s="67" t="s">
        <v>1946</v>
      </c>
      <c r="D15" s="158">
        <v>20</v>
      </c>
      <c r="E15" s="63">
        <v>9300804</v>
      </c>
      <c r="F15" s="67" t="s">
        <v>1474</v>
      </c>
      <c r="G15" s="24" t="s">
        <v>413</v>
      </c>
      <c r="H15" s="12" t="s">
        <v>118</v>
      </c>
      <c r="I15" s="12" t="s">
        <v>118</v>
      </c>
      <c r="J15" s="12" t="s">
        <v>897</v>
      </c>
      <c r="K15" s="12" t="s">
        <v>1084</v>
      </c>
      <c r="L15" s="39">
        <v>37680</v>
      </c>
    </row>
    <row r="16" spans="1:12" ht="26.25" customHeight="1" x14ac:dyDescent="0.15">
      <c r="A16" s="9">
        <v>15</v>
      </c>
      <c r="B16" s="12">
        <v>1670102175</v>
      </c>
      <c r="C16" s="67" t="s">
        <v>1437</v>
      </c>
      <c r="D16" s="158">
        <v>35</v>
      </c>
      <c r="E16" s="63">
        <v>9300103</v>
      </c>
      <c r="F16" s="67" t="s">
        <v>229</v>
      </c>
      <c r="G16" s="24" t="s">
        <v>1947</v>
      </c>
      <c r="H16" s="12" t="s">
        <v>118</v>
      </c>
      <c r="I16" s="12" t="s">
        <v>118</v>
      </c>
      <c r="J16" s="12" t="s">
        <v>1438</v>
      </c>
      <c r="K16" s="12" t="s">
        <v>1439</v>
      </c>
      <c r="L16" s="39">
        <v>37711</v>
      </c>
    </row>
    <row r="17" spans="1:13" ht="26.25" customHeight="1" x14ac:dyDescent="0.15">
      <c r="A17" s="9">
        <v>16</v>
      </c>
      <c r="B17" s="12">
        <v>1670102225</v>
      </c>
      <c r="C17" s="67" t="s">
        <v>1949</v>
      </c>
      <c r="D17" s="158">
        <v>40</v>
      </c>
      <c r="E17" s="63">
        <v>9398071</v>
      </c>
      <c r="F17" s="67" t="s">
        <v>479</v>
      </c>
      <c r="G17" s="24" t="s">
        <v>1458</v>
      </c>
      <c r="H17" s="12" t="s">
        <v>118</v>
      </c>
      <c r="I17" s="12" t="s">
        <v>118</v>
      </c>
      <c r="J17" s="12" t="s">
        <v>613</v>
      </c>
      <c r="K17" s="12" t="s">
        <v>426</v>
      </c>
      <c r="L17" s="39">
        <v>37711</v>
      </c>
    </row>
    <row r="18" spans="1:13" ht="26.25" customHeight="1" x14ac:dyDescent="0.15">
      <c r="A18" s="9">
        <v>17</v>
      </c>
      <c r="B18" s="12">
        <v>1671800421</v>
      </c>
      <c r="C18" s="67" t="s">
        <v>1950</v>
      </c>
      <c r="D18" s="158">
        <v>30</v>
      </c>
      <c r="E18" s="63">
        <v>9392362</v>
      </c>
      <c r="F18" s="67" t="s">
        <v>1270</v>
      </c>
      <c r="G18" s="24" t="s">
        <v>1941</v>
      </c>
      <c r="H18" s="12" t="s">
        <v>118</v>
      </c>
      <c r="I18" s="12" t="s">
        <v>118</v>
      </c>
      <c r="J18" s="12" t="s">
        <v>1533</v>
      </c>
      <c r="K18" s="12" t="s">
        <v>1827</v>
      </c>
      <c r="L18" s="39">
        <v>37832</v>
      </c>
    </row>
    <row r="19" spans="1:13" ht="26.25" customHeight="1" x14ac:dyDescent="0.15">
      <c r="A19" s="9">
        <v>18</v>
      </c>
      <c r="B19" s="12">
        <v>1670102696</v>
      </c>
      <c r="C19" s="67" t="s">
        <v>1900</v>
      </c>
      <c r="D19" s="158">
        <v>40</v>
      </c>
      <c r="E19" s="63">
        <v>9398272</v>
      </c>
      <c r="F19" s="67" t="s">
        <v>1951</v>
      </c>
      <c r="G19" s="24" t="s">
        <v>1952</v>
      </c>
      <c r="H19" s="12" t="s">
        <v>118</v>
      </c>
      <c r="I19" s="12" t="s">
        <v>118</v>
      </c>
      <c r="J19" s="12" t="s">
        <v>1072</v>
      </c>
      <c r="K19" s="12" t="s">
        <v>1828</v>
      </c>
      <c r="L19" s="39">
        <v>38078</v>
      </c>
    </row>
    <row r="20" spans="1:13" ht="26.25" customHeight="1" x14ac:dyDescent="0.15">
      <c r="A20" s="9">
        <v>19</v>
      </c>
      <c r="B20" s="12">
        <v>1670102852</v>
      </c>
      <c r="C20" s="67" t="s">
        <v>1953</v>
      </c>
      <c r="D20" s="158">
        <v>30</v>
      </c>
      <c r="E20" s="63">
        <v>9398045</v>
      </c>
      <c r="F20" s="16" t="s">
        <v>1829</v>
      </c>
      <c r="G20" s="24" t="s">
        <v>342</v>
      </c>
      <c r="H20" s="12" t="s">
        <v>118</v>
      </c>
      <c r="I20" s="12" t="s">
        <v>118</v>
      </c>
      <c r="J20" s="12" t="s">
        <v>187</v>
      </c>
      <c r="K20" s="12" t="s">
        <v>1449</v>
      </c>
      <c r="L20" s="39">
        <v>38200</v>
      </c>
    </row>
    <row r="21" spans="1:13" ht="26.25" customHeight="1" x14ac:dyDescent="0.15">
      <c r="A21" s="9">
        <v>20</v>
      </c>
      <c r="B21" s="12">
        <v>1670102902</v>
      </c>
      <c r="C21" s="67" t="s">
        <v>69</v>
      </c>
      <c r="D21" s="158">
        <v>25</v>
      </c>
      <c r="E21" s="63">
        <v>9300012</v>
      </c>
      <c r="F21" s="67" t="s">
        <v>1954</v>
      </c>
      <c r="G21" s="24" t="s">
        <v>1939</v>
      </c>
      <c r="H21" s="12" t="s">
        <v>118</v>
      </c>
      <c r="I21" s="12" t="s">
        <v>118</v>
      </c>
      <c r="J21" s="12" t="s">
        <v>1595</v>
      </c>
      <c r="K21" s="12" t="s">
        <v>265</v>
      </c>
      <c r="L21" s="39">
        <v>38231</v>
      </c>
    </row>
    <row r="22" spans="1:13" ht="26.25" customHeight="1" x14ac:dyDescent="0.15">
      <c r="A22" s="9">
        <v>21</v>
      </c>
      <c r="B22" s="12">
        <v>1670115755</v>
      </c>
      <c r="C22" s="67" t="s">
        <v>2147</v>
      </c>
      <c r="D22" s="158">
        <v>30</v>
      </c>
      <c r="E22" s="63">
        <v>9300813</v>
      </c>
      <c r="F22" s="67" t="s">
        <v>1955</v>
      </c>
      <c r="G22" s="24" t="s">
        <v>413</v>
      </c>
      <c r="H22" s="12" t="s">
        <v>118</v>
      </c>
      <c r="I22" s="12" t="s">
        <v>118</v>
      </c>
      <c r="J22" s="12" t="s">
        <v>642</v>
      </c>
      <c r="K22" s="12" t="s">
        <v>525</v>
      </c>
      <c r="L22" s="39">
        <v>45901</v>
      </c>
    </row>
    <row r="23" spans="1:13" ht="26.25" customHeight="1" x14ac:dyDescent="0.15">
      <c r="A23" s="9">
        <v>22</v>
      </c>
      <c r="B23" s="12">
        <v>1670103009</v>
      </c>
      <c r="C23" s="67" t="s">
        <v>1957</v>
      </c>
      <c r="D23" s="158">
        <v>40</v>
      </c>
      <c r="E23" s="63">
        <v>9300036</v>
      </c>
      <c r="F23" s="16" t="s">
        <v>1958</v>
      </c>
      <c r="G23" s="24" t="s">
        <v>236</v>
      </c>
      <c r="H23" s="12" t="s">
        <v>118</v>
      </c>
      <c r="I23" s="12" t="s">
        <v>118</v>
      </c>
      <c r="J23" s="12" t="s">
        <v>418</v>
      </c>
      <c r="K23" s="12" t="s">
        <v>611</v>
      </c>
      <c r="L23" s="39">
        <v>38353</v>
      </c>
      <c r="M23" s="173"/>
    </row>
    <row r="24" spans="1:13" ht="26.25" customHeight="1" x14ac:dyDescent="0.15">
      <c r="A24" s="9">
        <v>23</v>
      </c>
      <c r="B24" s="12">
        <v>1670103157</v>
      </c>
      <c r="C24" s="67" t="s">
        <v>1921</v>
      </c>
      <c r="D24" s="158">
        <v>20</v>
      </c>
      <c r="E24" s="63">
        <v>9300928</v>
      </c>
      <c r="F24" s="67" t="s">
        <v>1959</v>
      </c>
      <c r="G24" s="24" t="s">
        <v>1504</v>
      </c>
      <c r="H24" s="12" t="s">
        <v>118</v>
      </c>
      <c r="I24" s="12" t="s">
        <v>118</v>
      </c>
      <c r="J24" s="12" t="s">
        <v>449</v>
      </c>
      <c r="K24" s="12" t="s">
        <v>29</v>
      </c>
      <c r="L24" s="39">
        <v>38442</v>
      </c>
    </row>
    <row r="25" spans="1:13" ht="26.25" customHeight="1" x14ac:dyDescent="0.15">
      <c r="A25" s="9">
        <v>24</v>
      </c>
      <c r="B25" s="12">
        <v>1670103215</v>
      </c>
      <c r="C25" s="67" t="s">
        <v>988</v>
      </c>
      <c r="D25" s="158">
        <v>24</v>
      </c>
      <c r="E25" s="63">
        <v>9392615</v>
      </c>
      <c r="F25" s="67" t="s">
        <v>2151</v>
      </c>
      <c r="G25" s="24" t="s">
        <v>1918</v>
      </c>
      <c r="H25" s="12" t="s">
        <v>118</v>
      </c>
      <c r="I25" s="12" t="s">
        <v>118</v>
      </c>
      <c r="J25" s="12" t="s">
        <v>923</v>
      </c>
      <c r="K25" s="12" t="s">
        <v>1480</v>
      </c>
      <c r="L25" s="39">
        <v>38473</v>
      </c>
    </row>
    <row r="26" spans="1:13" ht="26.25" customHeight="1" x14ac:dyDescent="0.15">
      <c r="A26" s="9">
        <v>25</v>
      </c>
      <c r="B26" s="12">
        <v>1670103223</v>
      </c>
      <c r="C26" s="67" t="s">
        <v>1623</v>
      </c>
      <c r="D26" s="158">
        <v>38</v>
      </c>
      <c r="E26" s="63">
        <v>9300031</v>
      </c>
      <c r="F26" s="67" t="s">
        <v>1736</v>
      </c>
      <c r="G26" s="24" t="s">
        <v>1960</v>
      </c>
      <c r="H26" s="12" t="s">
        <v>118</v>
      </c>
      <c r="I26" s="12" t="s">
        <v>118</v>
      </c>
      <c r="J26" s="12" t="s">
        <v>1830</v>
      </c>
      <c r="K26" s="12" t="s">
        <v>862</v>
      </c>
      <c r="L26" s="39">
        <v>38504</v>
      </c>
    </row>
    <row r="27" spans="1:13" ht="26.25" customHeight="1" x14ac:dyDescent="0.15">
      <c r="A27" s="9">
        <v>26</v>
      </c>
      <c r="B27" s="12">
        <v>1670103504</v>
      </c>
      <c r="C27" s="67" t="s">
        <v>1639</v>
      </c>
      <c r="D27" s="158">
        <v>30</v>
      </c>
      <c r="E27" s="63">
        <v>9318333</v>
      </c>
      <c r="F27" s="67" t="s">
        <v>1662</v>
      </c>
      <c r="G27" s="24" t="s">
        <v>931</v>
      </c>
      <c r="H27" s="12" t="s">
        <v>118</v>
      </c>
      <c r="I27" s="12" t="s">
        <v>118</v>
      </c>
      <c r="J27" s="12" t="s">
        <v>1444</v>
      </c>
      <c r="K27" s="12" t="s">
        <v>1304</v>
      </c>
      <c r="L27" s="39">
        <v>38777</v>
      </c>
    </row>
    <row r="28" spans="1:13" ht="26.25" customHeight="1" x14ac:dyDescent="0.15">
      <c r="A28" s="9">
        <v>27</v>
      </c>
      <c r="B28" s="12">
        <v>1670103538</v>
      </c>
      <c r="C28" s="67" t="s">
        <v>1400</v>
      </c>
      <c r="D28" s="158">
        <v>28</v>
      </c>
      <c r="E28" s="63">
        <v>9390521</v>
      </c>
      <c r="F28" s="67" t="s">
        <v>1961</v>
      </c>
      <c r="G28" s="24" t="s">
        <v>1962</v>
      </c>
      <c r="H28" s="12" t="s">
        <v>118</v>
      </c>
      <c r="I28" s="12" t="s">
        <v>118</v>
      </c>
      <c r="J28" s="12" t="s">
        <v>597</v>
      </c>
      <c r="K28" s="12" t="s">
        <v>1831</v>
      </c>
      <c r="L28" s="39">
        <v>38807</v>
      </c>
    </row>
    <row r="29" spans="1:13" ht="26.25" customHeight="1" x14ac:dyDescent="0.15">
      <c r="A29" s="9">
        <v>28</v>
      </c>
      <c r="B29" s="12">
        <v>1670103819</v>
      </c>
      <c r="C29" s="67" t="s">
        <v>1963</v>
      </c>
      <c r="D29" s="158">
        <v>35</v>
      </c>
      <c r="E29" s="63">
        <v>9300166</v>
      </c>
      <c r="F29" s="67" t="s">
        <v>651</v>
      </c>
      <c r="G29" s="24" t="s">
        <v>1964</v>
      </c>
      <c r="H29" s="12" t="s">
        <v>118</v>
      </c>
      <c r="I29" s="12" t="s">
        <v>118</v>
      </c>
      <c r="J29" s="12" t="s">
        <v>777</v>
      </c>
      <c r="K29" s="12" t="s">
        <v>140</v>
      </c>
      <c r="L29" s="39">
        <v>38825</v>
      </c>
    </row>
    <row r="30" spans="1:13" ht="26.25" customHeight="1" x14ac:dyDescent="0.15">
      <c r="A30" s="9">
        <v>29</v>
      </c>
      <c r="B30" s="12">
        <v>1670104155</v>
      </c>
      <c r="C30" s="67" t="s">
        <v>1966</v>
      </c>
      <c r="D30" s="158">
        <v>19</v>
      </c>
      <c r="E30" s="63">
        <v>9300922</v>
      </c>
      <c r="F30" s="67" t="s">
        <v>150</v>
      </c>
      <c r="G30" s="24" t="s">
        <v>1504</v>
      </c>
      <c r="H30" s="12" t="s">
        <v>118</v>
      </c>
      <c r="I30" s="12" t="s">
        <v>118</v>
      </c>
      <c r="J30" s="12" t="s">
        <v>674</v>
      </c>
      <c r="K30" s="12" t="s">
        <v>771</v>
      </c>
      <c r="L30" s="39">
        <v>39052</v>
      </c>
    </row>
    <row r="31" spans="1:13" ht="26.25" customHeight="1" x14ac:dyDescent="0.15">
      <c r="A31" s="9">
        <v>30</v>
      </c>
      <c r="B31" s="12">
        <v>1670104254</v>
      </c>
      <c r="C31" s="67" t="s">
        <v>1967</v>
      </c>
      <c r="D31" s="158">
        <v>34</v>
      </c>
      <c r="E31" s="63">
        <v>9300801</v>
      </c>
      <c r="F31" s="67" t="s">
        <v>1968</v>
      </c>
      <c r="G31" s="24" t="s">
        <v>1969</v>
      </c>
      <c r="H31" s="12" t="s">
        <v>118</v>
      </c>
      <c r="I31" s="12" t="s">
        <v>118</v>
      </c>
      <c r="J31" s="12" t="s">
        <v>92</v>
      </c>
      <c r="K31" s="12" t="s">
        <v>920</v>
      </c>
      <c r="L31" s="39">
        <v>39173</v>
      </c>
    </row>
    <row r="32" spans="1:13" ht="26.25" customHeight="1" x14ac:dyDescent="0.15">
      <c r="A32" s="9">
        <v>31</v>
      </c>
      <c r="B32" s="12">
        <v>1670104312</v>
      </c>
      <c r="C32" s="67" t="s">
        <v>1832</v>
      </c>
      <c r="D32" s="158">
        <v>25</v>
      </c>
      <c r="E32" s="63">
        <v>9300053</v>
      </c>
      <c r="F32" s="67" t="s">
        <v>102</v>
      </c>
      <c r="G32" s="24" t="s">
        <v>1588</v>
      </c>
      <c r="H32" s="12" t="s">
        <v>118</v>
      </c>
      <c r="I32" s="12" t="s">
        <v>118</v>
      </c>
      <c r="J32" s="12" t="s">
        <v>1834</v>
      </c>
      <c r="K32" s="12" t="s">
        <v>228</v>
      </c>
      <c r="L32" s="39">
        <v>39234</v>
      </c>
    </row>
    <row r="33" spans="1:12" ht="26.25" customHeight="1" x14ac:dyDescent="0.15">
      <c r="A33" s="9">
        <v>32</v>
      </c>
      <c r="B33" s="12">
        <v>1670104353</v>
      </c>
      <c r="C33" s="16" t="s">
        <v>839</v>
      </c>
      <c r="D33" s="158">
        <v>20</v>
      </c>
      <c r="E33" s="63">
        <v>9393515</v>
      </c>
      <c r="F33" s="16" t="s">
        <v>918</v>
      </c>
      <c r="G33" s="24" t="s">
        <v>1970</v>
      </c>
      <c r="H33" s="12" t="s">
        <v>118</v>
      </c>
      <c r="I33" s="12" t="s">
        <v>118</v>
      </c>
      <c r="J33" s="12" t="s">
        <v>148</v>
      </c>
      <c r="K33" s="12" t="s">
        <v>1836</v>
      </c>
      <c r="L33" s="39">
        <v>39264</v>
      </c>
    </row>
    <row r="34" spans="1:12" ht="26.25" customHeight="1" x14ac:dyDescent="0.15">
      <c r="A34" s="9">
        <v>33</v>
      </c>
      <c r="B34" s="12">
        <v>1670104403</v>
      </c>
      <c r="C34" s="16" t="s">
        <v>594</v>
      </c>
      <c r="D34" s="158">
        <v>40</v>
      </c>
      <c r="E34" s="63">
        <v>9392716</v>
      </c>
      <c r="F34" s="16" t="s">
        <v>714</v>
      </c>
      <c r="G34" s="24" t="s">
        <v>1918</v>
      </c>
      <c r="H34" s="12" t="s">
        <v>118</v>
      </c>
      <c r="I34" s="12" t="s">
        <v>118</v>
      </c>
      <c r="J34" s="12" t="s">
        <v>5</v>
      </c>
      <c r="K34" s="12" t="s">
        <v>603</v>
      </c>
      <c r="L34" s="39">
        <v>39356</v>
      </c>
    </row>
    <row r="35" spans="1:12" ht="26.25" customHeight="1" x14ac:dyDescent="0.15">
      <c r="A35" s="9">
        <v>34</v>
      </c>
      <c r="B35" s="12">
        <v>1670104619</v>
      </c>
      <c r="C35" s="16" t="s">
        <v>675</v>
      </c>
      <c r="D35" s="158">
        <v>30</v>
      </c>
      <c r="E35" s="63">
        <v>9318336</v>
      </c>
      <c r="F35" s="16" t="s">
        <v>921</v>
      </c>
      <c r="G35" s="24" t="s">
        <v>931</v>
      </c>
      <c r="H35" s="12" t="s">
        <v>118</v>
      </c>
      <c r="I35" s="12" t="s">
        <v>118</v>
      </c>
      <c r="J35" s="12" t="s">
        <v>671</v>
      </c>
      <c r="K35" s="12" t="s">
        <v>596</v>
      </c>
      <c r="L35" s="39">
        <v>39539</v>
      </c>
    </row>
    <row r="36" spans="1:12" ht="26.25" customHeight="1" x14ac:dyDescent="0.15">
      <c r="A36" s="9">
        <v>35</v>
      </c>
      <c r="B36" s="12">
        <v>1670104643</v>
      </c>
      <c r="C36" s="16" t="s">
        <v>1971</v>
      </c>
      <c r="D36" s="158">
        <v>30</v>
      </c>
      <c r="E36" s="63">
        <v>9300842</v>
      </c>
      <c r="F36" s="16" t="s">
        <v>1168</v>
      </c>
      <c r="G36" s="24" t="s">
        <v>413</v>
      </c>
      <c r="H36" s="12" t="s">
        <v>118</v>
      </c>
      <c r="I36" s="12" t="s">
        <v>118</v>
      </c>
      <c r="J36" s="12" t="s">
        <v>1063</v>
      </c>
      <c r="K36" s="12" t="s">
        <v>384</v>
      </c>
      <c r="L36" s="39">
        <v>39569</v>
      </c>
    </row>
    <row r="37" spans="1:12" ht="26.25" customHeight="1" x14ac:dyDescent="0.15">
      <c r="A37" s="9">
        <v>36</v>
      </c>
      <c r="B37" s="12">
        <v>1670104809</v>
      </c>
      <c r="C37" s="16" t="s">
        <v>258</v>
      </c>
      <c r="D37" s="158">
        <v>30</v>
      </c>
      <c r="E37" s="63">
        <v>9300916</v>
      </c>
      <c r="F37" s="67" t="s">
        <v>1838</v>
      </c>
      <c r="G37" s="24" t="s">
        <v>1536</v>
      </c>
      <c r="H37" s="12" t="s">
        <v>118</v>
      </c>
      <c r="I37" s="12" t="s">
        <v>118</v>
      </c>
      <c r="J37" s="12" t="s">
        <v>26</v>
      </c>
      <c r="K37" s="12" t="s">
        <v>448</v>
      </c>
      <c r="L37" s="39">
        <v>39904</v>
      </c>
    </row>
    <row r="38" spans="1:12" ht="26.25" customHeight="1" x14ac:dyDescent="0.15">
      <c r="A38" s="9">
        <v>37</v>
      </c>
      <c r="B38" s="12">
        <v>1670100476</v>
      </c>
      <c r="C38" s="67" t="s">
        <v>1365</v>
      </c>
      <c r="D38" s="158">
        <v>30</v>
      </c>
      <c r="E38" s="63">
        <v>9318412</v>
      </c>
      <c r="F38" s="67" t="s">
        <v>1210</v>
      </c>
      <c r="G38" s="24" t="s">
        <v>565</v>
      </c>
      <c r="H38" s="12" t="s">
        <v>118</v>
      </c>
      <c r="I38" s="12" t="s">
        <v>118</v>
      </c>
      <c r="J38" s="12" t="s">
        <v>165</v>
      </c>
      <c r="K38" s="12" t="s">
        <v>688</v>
      </c>
      <c r="L38" s="39">
        <v>36536</v>
      </c>
    </row>
    <row r="39" spans="1:12" ht="26.25" customHeight="1" x14ac:dyDescent="0.15">
      <c r="A39" s="9">
        <v>38</v>
      </c>
      <c r="B39" s="12">
        <v>1670100492</v>
      </c>
      <c r="C39" s="67" t="s">
        <v>589</v>
      </c>
      <c r="D39" s="158">
        <v>40</v>
      </c>
      <c r="E39" s="63">
        <v>9398281</v>
      </c>
      <c r="F39" s="67" t="s">
        <v>1203</v>
      </c>
      <c r="G39" s="24" t="s">
        <v>1952</v>
      </c>
      <c r="H39" s="12" t="s">
        <v>118</v>
      </c>
      <c r="I39" s="12" t="s">
        <v>118</v>
      </c>
      <c r="J39" s="12" t="s">
        <v>361</v>
      </c>
      <c r="K39" s="12" t="s">
        <v>504</v>
      </c>
      <c r="L39" s="39">
        <v>36536</v>
      </c>
    </row>
    <row r="40" spans="1:12" ht="26.25" customHeight="1" x14ac:dyDescent="0.15">
      <c r="A40" s="9">
        <v>39</v>
      </c>
      <c r="B40" s="12">
        <v>1671800132</v>
      </c>
      <c r="C40" s="67" t="s">
        <v>640</v>
      </c>
      <c r="D40" s="158">
        <v>30</v>
      </c>
      <c r="E40" s="63">
        <v>9392712</v>
      </c>
      <c r="F40" s="67" t="s">
        <v>489</v>
      </c>
      <c r="G40" s="24" t="s">
        <v>1918</v>
      </c>
      <c r="H40" s="12" t="s">
        <v>118</v>
      </c>
      <c r="I40" s="12" t="s">
        <v>118</v>
      </c>
      <c r="J40" s="12" t="s">
        <v>1426</v>
      </c>
      <c r="K40" s="12" t="s">
        <v>177</v>
      </c>
      <c r="L40" s="39">
        <v>36570</v>
      </c>
    </row>
    <row r="41" spans="1:12" ht="26.25" customHeight="1" x14ac:dyDescent="0.15">
      <c r="A41" s="9">
        <v>40</v>
      </c>
      <c r="B41" s="12">
        <v>1671500153</v>
      </c>
      <c r="C41" s="67" t="s">
        <v>1485</v>
      </c>
      <c r="D41" s="158">
        <v>35</v>
      </c>
      <c r="E41" s="63">
        <v>9392226</v>
      </c>
      <c r="F41" s="67" t="s">
        <v>1812</v>
      </c>
      <c r="G41" s="24" t="s">
        <v>43</v>
      </c>
      <c r="H41" s="12" t="s">
        <v>118</v>
      </c>
      <c r="I41" s="12" t="s">
        <v>118</v>
      </c>
      <c r="J41" s="12" t="s">
        <v>662</v>
      </c>
      <c r="K41" s="12" t="s">
        <v>194</v>
      </c>
      <c r="L41" s="39">
        <v>36570</v>
      </c>
    </row>
    <row r="42" spans="1:12" ht="26.25" customHeight="1" x14ac:dyDescent="0.15">
      <c r="A42" s="9">
        <v>41</v>
      </c>
      <c r="B42" s="12">
        <v>1670100716</v>
      </c>
      <c r="C42" s="67" t="s">
        <v>1336</v>
      </c>
      <c r="D42" s="158">
        <v>80</v>
      </c>
      <c r="E42" s="63">
        <v>9318435</v>
      </c>
      <c r="F42" s="67" t="s">
        <v>1209</v>
      </c>
      <c r="G42" s="24" t="s">
        <v>1972</v>
      </c>
      <c r="H42" s="12" t="s">
        <v>118</v>
      </c>
      <c r="I42" s="12" t="s">
        <v>118</v>
      </c>
      <c r="J42" s="12" t="s">
        <v>572</v>
      </c>
      <c r="K42" s="12" t="s">
        <v>736</v>
      </c>
      <c r="L42" s="39">
        <v>36570</v>
      </c>
    </row>
    <row r="43" spans="1:12" ht="26.25" customHeight="1" x14ac:dyDescent="0.15">
      <c r="A43" s="9">
        <v>42</v>
      </c>
      <c r="B43" s="12">
        <v>1670101821</v>
      </c>
      <c r="C43" s="67" t="s">
        <v>1025</v>
      </c>
      <c r="D43" s="158">
        <v>35</v>
      </c>
      <c r="E43" s="63">
        <v>9398006</v>
      </c>
      <c r="F43" s="16" t="s">
        <v>1973</v>
      </c>
      <c r="G43" s="24" t="s">
        <v>324</v>
      </c>
      <c r="H43" s="12" t="s">
        <v>118</v>
      </c>
      <c r="I43" s="12" t="s">
        <v>118</v>
      </c>
      <c r="J43" s="12" t="s">
        <v>1537</v>
      </c>
      <c r="K43" s="12" t="s">
        <v>1538</v>
      </c>
      <c r="L43" s="39">
        <v>37225</v>
      </c>
    </row>
    <row r="44" spans="1:12" ht="26.25" customHeight="1" x14ac:dyDescent="0.15">
      <c r="A44" s="9">
        <v>43</v>
      </c>
      <c r="B44" s="12">
        <v>1671800322</v>
      </c>
      <c r="C44" s="67" t="s">
        <v>1453</v>
      </c>
      <c r="D44" s="158">
        <v>40</v>
      </c>
      <c r="E44" s="63">
        <v>9392603</v>
      </c>
      <c r="F44" s="67" t="s">
        <v>1974</v>
      </c>
      <c r="G44" s="12" t="s">
        <v>1918</v>
      </c>
      <c r="H44" s="12" t="s">
        <v>118</v>
      </c>
      <c r="I44" s="12" t="s">
        <v>118</v>
      </c>
      <c r="J44" s="12" t="s">
        <v>157</v>
      </c>
      <c r="K44" s="12" t="s">
        <v>903</v>
      </c>
      <c r="L44" s="39">
        <v>37438</v>
      </c>
    </row>
    <row r="45" spans="1:12" ht="26.25" customHeight="1" x14ac:dyDescent="0.15">
      <c r="A45" s="9">
        <v>44</v>
      </c>
      <c r="B45" s="12">
        <v>1670102068</v>
      </c>
      <c r="C45" s="67" t="s">
        <v>588</v>
      </c>
      <c r="D45" s="158">
        <v>20</v>
      </c>
      <c r="E45" s="63">
        <v>9302243</v>
      </c>
      <c r="F45" s="67" t="s">
        <v>910</v>
      </c>
      <c r="G45" s="24" t="s">
        <v>1975</v>
      </c>
      <c r="H45" s="12" t="s">
        <v>118</v>
      </c>
      <c r="I45" s="12" t="s">
        <v>118</v>
      </c>
      <c r="J45" s="12" t="s">
        <v>76</v>
      </c>
      <c r="K45" s="12" t="s">
        <v>957</v>
      </c>
      <c r="L45" s="39">
        <v>37585</v>
      </c>
    </row>
    <row r="46" spans="1:12" ht="26.25" customHeight="1" x14ac:dyDescent="0.15">
      <c r="A46" s="9">
        <v>45</v>
      </c>
      <c r="B46" s="12">
        <v>1670102282</v>
      </c>
      <c r="C46" s="67" t="s">
        <v>1977</v>
      </c>
      <c r="D46" s="158">
        <v>45</v>
      </c>
      <c r="E46" s="63">
        <v>9300010</v>
      </c>
      <c r="F46" s="67" t="s">
        <v>1722</v>
      </c>
      <c r="G46" s="24" t="s">
        <v>1939</v>
      </c>
      <c r="H46" s="12" t="s">
        <v>118</v>
      </c>
      <c r="I46" s="12" t="s">
        <v>118</v>
      </c>
      <c r="J46" s="12" t="s">
        <v>1120</v>
      </c>
      <c r="K46" s="12" t="s">
        <v>1123</v>
      </c>
      <c r="L46" s="39">
        <v>44105</v>
      </c>
    </row>
    <row r="47" spans="1:12" ht="26.25" customHeight="1" x14ac:dyDescent="0.15">
      <c r="A47" s="9">
        <v>46</v>
      </c>
      <c r="B47" s="12">
        <v>1670102449</v>
      </c>
      <c r="C47" s="67" t="s">
        <v>459</v>
      </c>
      <c r="D47" s="158">
        <v>40</v>
      </c>
      <c r="E47" s="63">
        <v>9398261</v>
      </c>
      <c r="F47" s="67" t="s">
        <v>251</v>
      </c>
      <c r="G47" s="24" t="s">
        <v>1979</v>
      </c>
      <c r="H47" s="12" t="s">
        <v>118</v>
      </c>
      <c r="I47" s="12" t="s">
        <v>118</v>
      </c>
      <c r="J47" s="12" t="s">
        <v>1840</v>
      </c>
      <c r="K47" s="12" t="s">
        <v>1443</v>
      </c>
      <c r="L47" s="39">
        <v>44105</v>
      </c>
    </row>
    <row r="48" spans="1:12" ht="26.25" customHeight="1" x14ac:dyDescent="0.15">
      <c r="A48" s="9">
        <v>47</v>
      </c>
      <c r="B48" s="12">
        <v>1670102712</v>
      </c>
      <c r="C48" s="67" t="s">
        <v>1320</v>
      </c>
      <c r="D48" s="158">
        <v>35</v>
      </c>
      <c r="E48" s="63">
        <v>9300802</v>
      </c>
      <c r="F48" s="67" t="s">
        <v>1980</v>
      </c>
      <c r="G48" s="24" t="s">
        <v>1969</v>
      </c>
      <c r="H48" s="12" t="s">
        <v>118</v>
      </c>
      <c r="I48" s="12" t="s">
        <v>118</v>
      </c>
      <c r="J48" s="12" t="s">
        <v>1031</v>
      </c>
      <c r="K48" s="12" t="s">
        <v>1032</v>
      </c>
      <c r="L48" s="39">
        <v>38078</v>
      </c>
    </row>
    <row r="49" spans="1:12" ht="26.25" customHeight="1" x14ac:dyDescent="0.15">
      <c r="A49" s="9">
        <v>48</v>
      </c>
      <c r="B49" s="12">
        <v>1671800462</v>
      </c>
      <c r="C49" s="67" t="s">
        <v>1604</v>
      </c>
      <c r="D49" s="158">
        <v>25</v>
      </c>
      <c r="E49" s="63">
        <v>9392706</v>
      </c>
      <c r="F49" s="67" t="s">
        <v>1539</v>
      </c>
      <c r="G49" s="24" t="s">
        <v>1918</v>
      </c>
      <c r="H49" s="12" t="s">
        <v>118</v>
      </c>
      <c r="I49" s="12" t="s">
        <v>118</v>
      </c>
      <c r="J49" s="12" t="s">
        <v>876</v>
      </c>
      <c r="K49" s="12" t="s">
        <v>201</v>
      </c>
      <c r="L49" s="39">
        <v>38322</v>
      </c>
    </row>
    <row r="50" spans="1:12" ht="26.25" customHeight="1" x14ac:dyDescent="0.15">
      <c r="A50" s="9">
        <v>49</v>
      </c>
      <c r="B50" s="12">
        <v>1670103199</v>
      </c>
      <c r="C50" s="67" t="s">
        <v>1981</v>
      </c>
      <c r="D50" s="158">
        <v>35</v>
      </c>
      <c r="E50" s="63">
        <v>9300835</v>
      </c>
      <c r="F50" s="67" t="s">
        <v>1983</v>
      </c>
      <c r="G50" s="24" t="s">
        <v>1906</v>
      </c>
      <c r="H50" s="12" t="s">
        <v>118</v>
      </c>
      <c r="I50" s="12" t="s">
        <v>118</v>
      </c>
      <c r="J50" s="12" t="s">
        <v>1775</v>
      </c>
      <c r="K50" s="12" t="s">
        <v>1816</v>
      </c>
      <c r="L50" s="39">
        <v>44105</v>
      </c>
    </row>
    <row r="51" spans="1:12" ht="26.25" customHeight="1" x14ac:dyDescent="0.15">
      <c r="A51" s="9">
        <v>50</v>
      </c>
      <c r="B51" s="12">
        <v>1670103553</v>
      </c>
      <c r="C51" s="67" t="s">
        <v>1841</v>
      </c>
      <c r="D51" s="158">
        <v>25</v>
      </c>
      <c r="E51" s="63">
        <v>9398055</v>
      </c>
      <c r="F51" s="67" t="s">
        <v>1036</v>
      </c>
      <c r="G51" s="24" t="s">
        <v>342</v>
      </c>
      <c r="H51" s="12" t="s">
        <v>118</v>
      </c>
      <c r="I51" s="12" t="s">
        <v>118</v>
      </c>
      <c r="J51" s="12" t="s">
        <v>198</v>
      </c>
      <c r="K51" s="12" t="s">
        <v>166</v>
      </c>
      <c r="L51" s="39">
        <v>38807</v>
      </c>
    </row>
    <row r="52" spans="1:12" ht="26.25" customHeight="1" x14ac:dyDescent="0.15">
      <c r="A52" s="9">
        <v>51</v>
      </c>
      <c r="B52" s="12">
        <v>1670104049</v>
      </c>
      <c r="C52" s="67" t="s">
        <v>548</v>
      </c>
      <c r="D52" s="158">
        <v>35</v>
      </c>
      <c r="E52" s="63">
        <v>9300142</v>
      </c>
      <c r="F52" s="67" t="s">
        <v>1984</v>
      </c>
      <c r="G52" s="24" t="s">
        <v>116</v>
      </c>
      <c r="H52" s="12" t="s">
        <v>118</v>
      </c>
      <c r="I52" s="12" t="s">
        <v>452</v>
      </c>
      <c r="J52" s="12" t="s">
        <v>1252</v>
      </c>
      <c r="K52" s="12" t="s">
        <v>1410</v>
      </c>
      <c r="L52" s="39">
        <v>38961</v>
      </c>
    </row>
    <row r="53" spans="1:12" ht="26.25" customHeight="1" x14ac:dyDescent="0.15">
      <c r="A53" s="9">
        <v>52</v>
      </c>
      <c r="B53" s="12">
        <v>1670104080</v>
      </c>
      <c r="C53" s="67" t="s">
        <v>942</v>
      </c>
      <c r="D53" s="158">
        <v>40</v>
      </c>
      <c r="E53" s="63">
        <v>9300821</v>
      </c>
      <c r="F53" s="67" t="s">
        <v>860</v>
      </c>
      <c r="G53" s="24" t="s">
        <v>1906</v>
      </c>
      <c r="H53" s="12" t="s">
        <v>118</v>
      </c>
      <c r="I53" s="12" t="s">
        <v>118</v>
      </c>
      <c r="J53" s="12" t="s">
        <v>1842</v>
      </c>
      <c r="K53" s="12" t="s">
        <v>1080</v>
      </c>
      <c r="L53" s="39">
        <v>38991</v>
      </c>
    </row>
    <row r="54" spans="1:12" ht="26.25" customHeight="1" x14ac:dyDescent="0.15">
      <c r="A54" s="9">
        <v>53</v>
      </c>
      <c r="B54" s="12">
        <v>1670104320</v>
      </c>
      <c r="C54" s="16" t="s">
        <v>173</v>
      </c>
      <c r="D54" s="158">
        <v>60</v>
      </c>
      <c r="E54" s="63">
        <v>9318453</v>
      </c>
      <c r="F54" s="16" t="s">
        <v>730</v>
      </c>
      <c r="G54" s="24" t="s">
        <v>1985</v>
      </c>
      <c r="H54" s="12" t="s">
        <v>118</v>
      </c>
      <c r="I54" s="12" t="s">
        <v>118</v>
      </c>
      <c r="J54" s="12" t="s">
        <v>727</v>
      </c>
      <c r="K54" s="12" t="s">
        <v>725</v>
      </c>
      <c r="L54" s="39">
        <v>39264</v>
      </c>
    </row>
    <row r="55" spans="1:12" ht="26.25" customHeight="1" x14ac:dyDescent="0.15">
      <c r="A55" s="9">
        <v>54</v>
      </c>
      <c r="B55" s="12">
        <v>1670104387</v>
      </c>
      <c r="C55" s="16" t="s">
        <v>1843</v>
      </c>
      <c r="D55" s="158">
        <v>34</v>
      </c>
      <c r="E55" s="63">
        <v>9398195</v>
      </c>
      <c r="F55" s="16" t="s">
        <v>210</v>
      </c>
      <c r="G55" s="24" t="s">
        <v>332</v>
      </c>
      <c r="H55" s="12" t="s">
        <v>118</v>
      </c>
      <c r="I55" s="12" t="s">
        <v>118</v>
      </c>
      <c r="J55" s="12" t="s">
        <v>631</v>
      </c>
      <c r="K55" s="12" t="s">
        <v>905</v>
      </c>
      <c r="L55" s="39">
        <v>39295</v>
      </c>
    </row>
    <row r="56" spans="1:12" ht="26.25" customHeight="1" x14ac:dyDescent="0.15">
      <c r="A56" s="9">
        <v>55</v>
      </c>
      <c r="B56" s="12">
        <v>1670104536</v>
      </c>
      <c r="C56" s="16" t="s">
        <v>64</v>
      </c>
      <c r="D56" s="158">
        <v>40</v>
      </c>
      <c r="E56" s="63">
        <v>9398211</v>
      </c>
      <c r="F56" s="16" t="s">
        <v>190</v>
      </c>
      <c r="G56" s="24" t="s">
        <v>1952</v>
      </c>
      <c r="H56" s="12" t="s">
        <v>118</v>
      </c>
      <c r="I56" s="12" t="s">
        <v>118</v>
      </c>
      <c r="J56" s="12" t="s">
        <v>86</v>
      </c>
      <c r="K56" s="12" t="s">
        <v>1327</v>
      </c>
      <c r="L56" s="39">
        <v>39508</v>
      </c>
    </row>
    <row r="57" spans="1:12" ht="26.25" customHeight="1" x14ac:dyDescent="0.15">
      <c r="A57" s="9">
        <v>56</v>
      </c>
      <c r="B57" s="12">
        <v>1670101979</v>
      </c>
      <c r="C57" s="67" t="s">
        <v>656</v>
      </c>
      <c r="D57" s="158">
        <v>34</v>
      </c>
      <c r="E57" s="12">
        <v>9393554</v>
      </c>
      <c r="F57" s="67" t="s">
        <v>1986</v>
      </c>
      <c r="G57" s="24" t="s">
        <v>894</v>
      </c>
      <c r="H57" s="12" t="s">
        <v>118</v>
      </c>
      <c r="I57" s="12" t="s">
        <v>118</v>
      </c>
      <c r="J57" s="12" t="s">
        <v>896</v>
      </c>
      <c r="K57" s="12" t="s">
        <v>1587</v>
      </c>
      <c r="L57" s="39">
        <v>37408</v>
      </c>
    </row>
    <row r="58" spans="1:12" ht="26.25" customHeight="1" x14ac:dyDescent="0.15">
      <c r="A58" s="9">
        <v>57</v>
      </c>
      <c r="B58" s="12">
        <v>1670101995</v>
      </c>
      <c r="C58" s="67" t="s">
        <v>1987</v>
      </c>
      <c r="D58" s="158">
        <v>35</v>
      </c>
      <c r="E58" s="63">
        <v>9318314</v>
      </c>
      <c r="F58" s="67" t="s">
        <v>1111</v>
      </c>
      <c r="G58" s="24" t="s">
        <v>1969</v>
      </c>
      <c r="H58" s="12" t="s">
        <v>118</v>
      </c>
      <c r="I58" s="12" t="s">
        <v>118</v>
      </c>
      <c r="J58" s="12" t="s">
        <v>968</v>
      </c>
      <c r="K58" s="12" t="s">
        <v>998</v>
      </c>
      <c r="L58" s="39">
        <v>37468</v>
      </c>
    </row>
    <row r="59" spans="1:12" ht="26.25" customHeight="1" x14ac:dyDescent="0.15">
      <c r="A59" s="9">
        <v>58</v>
      </c>
      <c r="B59" s="12">
        <v>1670102522</v>
      </c>
      <c r="C59" s="67" t="s">
        <v>1678</v>
      </c>
      <c r="D59" s="158">
        <v>60</v>
      </c>
      <c r="E59" s="63">
        <v>9300955</v>
      </c>
      <c r="F59" s="67" t="s">
        <v>1989</v>
      </c>
      <c r="G59" s="24" t="s">
        <v>324</v>
      </c>
      <c r="H59" s="12" t="s">
        <v>118</v>
      </c>
      <c r="I59" s="12" t="s">
        <v>118</v>
      </c>
      <c r="J59" s="12" t="s">
        <v>472</v>
      </c>
      <c r="K59" s="12" t="s">
        <v>696</v>
      </c>
      <c r="L59" s="39">
        <v>37925</v>
      </c>
    </row>
    <row r="60" spans="1:12" ht="26.25" customHeight="1" x14ac:dyDescent="0.15">
      <c r="A60" s="9">
        <v>59</v>
      </c>
      <c r="B60" s="12">
        <v>1670102662</v>
      </c>
      <c r="C60" s="67" t="s">
        <v>1844</v>
      </c>
      <c r="D60" s="158">
        <v>35</v>
      </c>
      <c r="E60" s="63">
        <v>9398015</v>
      </c>
      <c r="F60" s="67" t="s">
        <v>1744</v>
      </c>
      <c r="G60" s="24" t="s">
        <v>142</v>
      </c>
      <c r="H60" s="12" t="s">
        <v>118</v>
      </c>
      <c r="I60" s="12" t="s">
        <v>118</v>
      </c>
      <c r="J60" s="12" t="s">
        <v>1845</v>
      </c>
      <c r="K60" s="12" t="s">
        <v>505</v>
      </c>
      <c r="L60" s="39">
        <v>38044</v>
      </c>
    </row>
    <row r="61" spans="1:12" ht="26.25" customHeight="1" x14ac:dyDescent="0.15">
      <c r="A61" s="9">
        <v>60</v>
      </c>
      <c r="B61" s="12">
        <v>1670104296</v>
      </c>
      <c r="C61" s="67" t="s">
        <v>1626</v>
      </c>
      <c r="D61" s="158">
        <v>20</v>
      </c>
      <c r="E61" s="63">
        <v>9302243</v>
      </c>
      <c r="F61" s="67" t="s">
        <v>1990</v>
      </c>
      <c r="G61" s="24" t="s">
        <v>1975</v>
      </c>
      <c r="H61" s="12" t="s">
        <v>118</v>
      </c>
      <c r="I61" s="12" t="s">
        <v>118</v>
      </c>
      <c r="J61" s="12" t="s">
        <v>71</v>
      </c>
      <c r="K61" s="12" t="s">
        <v>65</v>
      </c>
      <c r="L61" s="39">
        <v>39173</v>
      </c>
    </row>
    <row r="62" spans="1:12" ht="26.25" customHeight="1" x14ac:dyDescent="0.15">
      <c r="A62" s="9">
        <v>61</v>
      </c>
      <c r="B62" s="12">
        <v>1670104270</v>
      </c>
      <c r="C62" s="67" t="s">
        <v>807</v>
      </c>
      <c r="D62" s="158">
        <v>20</v>
      </c>
      <c r="E62" s="63">
        <v>9300887</v>
      </c>
      <c r="F62" s="67" t="s">
        <v>1933</v>
      </c>
      <c r="G62" s="24" t="s">
        <v>1110</v>
      </c>
      <c r="H62" s="12" t="s">
        <v>118</v>
      </c>
      <c r="I62" s="12" t="s">
        <v>118</v>
      </c>
      <c r="J62" s="12" t="s">
        <v>1593</v>
      </c>
      <c r="K62" s="12" t="s">
        <v>1594</v>
      </c>
      <c r="L62" s="39">
        <v>39173</v>
      </c>
    </row>
    <row r="63" spans="1:12" ht="26.25" customHeight="1" x14ac:dyDescent="0.15">
      <c r="A63" s="9">
        <v>62</v>
      </c>
      <c r="B63" s="12">
        <v>1670104742</v>
      </c>
      <c r="C63" s="16" t="s">
        <v>701</v>
      </c>
      <c r="D63" s="158">
        <v>35</v>
      </c>
      <c r="E63" s="63">
        <v>9392256</v>
      </c>
      <c r="F63" s="16" t="s">
        <v>1228</v>
      </c>
      <c r="G63" s="24" t="s">
        <v>43</v>
      </c>
      <c r="H63" s="12" t="s">
        <v>118</v>
      </c>
      <c r="I63" s="12" t="s">
        <v>118</v>
      </c>
      <c r="J63" s="12" t="s">
        <v>81</v>
      </c>
      <c r="K63" s="12" t="s">
        <v>83</v>
      </c>
      <c r="L63" s="39">
        <v>39722</v>
      </c>
    </row>
    <row r="64" spans="1:12" ht="26.25" customHeight="1" x14ac:dyDescent="0.15">
      <c r="A64" s="9">
        <v>63</v>
      </c>
      <c r="B64" s="12">
        <v>1670105012</v>
      </c>
      <c r="C64" s="16" t="s">
        <v>238</v>
      </c>
      <c r="D64" s="158">
        <v>45</v>
      </c>
      <c r="E64" s="63">
        <v>9300936</v>
      </c>
      <c r="F64" s="16" t="s">
        <v>382</v>
      </c>
      <c r="G64" s="24" t="s">
        <v>1504</v>
      </c>
      <c r="H64" s="12" t="s">
        <v>118</v>
      </c>
      <c r="I64" s="12" t="s">
        <v>118</v>
      </c>
      <c r="J64" s="12" t="s">
        <v>951</v>
      </c>
      <c r="K64" s="12" t="s">
        <v>813</v>
      </c>
      <c r="L64" s="39">
        <v>44105</v>
      </c>
    </row>
    <row r="65" spans="1:12" ht="26.25" customHeight="1" x14ac:dyDescent="0.15">
      <c r="A65" s="9">
        <v>64</v>
      </c>
      <c r="B65" s="12">
        <v>1670105061</v>
      </c>
      <c r="C65" s="16" t="s">
        <v>949</v>
      </c>
      <c r="D65" s="158">
        <v>40</v>
      </c>
      <c r="E65" s="63">
        <v>9398185</v>
      </c>
      <c r="F65" s="16" t="s">
        <v>1229</v>
      </c>
      <c r="G65" s="24" t="s">
        <v>1458</v>
      </c>
      <c r="H65" s="12" t="s">
        <v>118</v>
      </c>
      <c r="I65" s="12" t="s">
        <v>118</v>
      </c>
      <c r="J65" s="12" t="s">
        <v>952</v>
      </c>
      <c r="K65" s="12" t="s">
        <v>1105</v>
      </c>
      <c r="L65" s="39">
        <v>40238</v>
      </c>
    </row>
    <row r="66" spans="1:12" ht="26.25" customHeight="1" x14ac:dyDescent="0.15">
      <c r="A66" s="9">
        <v>65</v>
      </c>
      <c r="B66" s="12">
        <v>1670105137</v>
      </c>
      <c r="C66" s="16" t="s">
        <v>782</v>
      </c>
      <c r="D66" s="158">
        <v>25</v>
      </c>
      <c r="E66" s="63">
        <v>9392252</v>
      </c>
      <c r="F66" s="16" t="s">
        <v>254</v>
      </c>
      <c r="G66" s="24" t="s">
        <v>43</v>
      </c>
      <c r="H66" s="12" t="s">
        <v>118</v>
      </c>
      <c r="I66" s="12" t="s">
        <v>118</v>
      </c>
      <c r="J66" s="12" t="s">
        <v>953</v>
      </c>
      <c r="K66" s="12" t="s">
        <v>750</v>
      </c>
      <c r="L66" s="39">
        <v>40269</v>
      </c>
    </row>
    <row r="67" spans="1:12" ht="26.25" customHeight="1" x14ac:dyDescent="0.15">
      <c r="A67" s="9">
        <v>66</v>
      </c>
      <c r="B67" s="12">
        <v>1670111481</v>
      </c>
      <c r="C67" s="16" t="s">
        <v>1018</v>
      </c>
      <c r="D67" s="158">
        <v>60</v>
      </c>
      <c r="E67" s="63">
        <v>9398072</v>
      </c>
      <c r="F67" s="16" t="s">
        <v>314</v>
      </c>
      <c r="G67" s="24" t="s">
        <v>342</v>
      </c>
      <c r="H67" s="12" t="s">
        <v>118</v>
      </c>
      <c r="I67" s="12" t="s">
        <v>118</v>
      </c>
      <c r="J67" s="12" t="s">
        <v>1847</v>
      </c>
      <c r="K67" s="12" t="s">
        <v>1848</v>
      </c>
      <c r="L67" s="39">
        <v>40299</v>
      </c>
    </row>
    <row r="68" spans="1:12" ht="26.25" customHeight="1" x14ac:dyDescent="0.15">
      <c r="A68" s="9">
        <v>67</v>
      </c>
      <c r="B68" s="12">
        <v>1670111622</v>
      </c>
      <c r="C68" s="16" t="s">
        <v>1069</v>
      </c>
      <c r="D68" s="158">
        <v>40</v>
      </c>
      <c r="E68" s="63">
        <v>9300846</v>
      </c>
      <c r="F68" s="16" t="s">
        <v>1991</v>
      </c>
      <c r="G68" s="24" t="s">
        <v>413</v>
      </c>
      <c r="H68" s="12" t="s">
        <v>118</v>
      </c>
      <c r="I68" s="12" t="s">
        <v>118</v>
      </c>
      <c r="J68" s="12" t="s">
        <v>1196</v>
      </c>
      <c r="K68" s="12" t="s">
        <v>155</v>
      </c>
      <c r="L68" s="39">
        <v>40422</v>
      </c>
    </row>
    <row r="69" spans="1:12" ht="26.25" customHeight="1" x14ac:dyDescent="0.15">
      <c r="A69" s="9">
        <v>68</v>
      </c>
      <c r="B69" s="14">
        <v>1670111747</v>
      </c>
      <c r="C69" s="69" t="s">
        <v>120</v>
      </c>
      <c r="D69" s="158">
        <v>24</v>
      </c>
      <c r="E69" s="80">
        <v>9300817</v>
      </c>
      <c r="F69" s="69" t="s">
        <v>430</v>
      </c>
      <c r="G69" s="24" t="s">
        <v>413</v>
      </c>
      <c r="H69" s="12" t="s">
        <v>118</v>
      </c>
      <c r="I69" s="12" t="s">
        <v>118</v>
      </c>
      <c r="J69" s="14" t="s">
        <v>437</v>
      </c>
      <c r="K69" s="14" t="s">
        <v>352</v>
      </c>
      <c r="L69" s="39">
        <v>40664</v>
      </c>
    </row>
    <row r="70" spans="1:12" ht="26.25" customHeight="1" x14ac:dyDescent="0.15">
      <c r="A70" s="9">
        <v>69</v>
      </c>
      <c r="B70" s="14">
        <v>1670111846</v>
      </c>
      <c r="C70" s="68" t="s">
        <v>429</v>
      </c>
      <c r="D70" s="158">
        <v>28</v>
      </c>
      <c r="E70" s="82">
        <v>9300881</v>
      </c>
      <c r="F70" s="68" t="s">
        <v>464</v>
      </c>
      <c r="G70" s="24" t="s">
        <v>1992</v>
      </c>
      <c r="H70" s="12" t="s">
        <v>118</v>
      </c>
      <c r="I70" s="12" t="s">
        <v>118</v>
      </c>
      <c r="J70" s="97" t="s">
        <v>623</v>
      </c>
      <c r="K70" s="97" t="s">
        <v>626</v>
      </c>
      <c r="L70" s="39">
        <v>40848</v>
      </c>
    </row>
    <row r="71" spans="1:12" ht="26.25" customHeight="1" x14ac:dyDescent="0.15">
      <c r="A71" s="9">
        <v>70</v>
      </c>
      <c r="B71" s="27">
        <v>1670111853</v>
      </c>
      <c r="C71" s="68" t="s">
        <v>778</v>
      </c>
      <c r="D71" s="158">
        <v>30</v>
      </c>
      <c r="E71" s="82">
        <v>9392706</v>
      </c>
      <c r="F71" s="68" t="s">
        <v>1144</v>
      </c>
      <c r="G71" s="24" t="s">
        <v>1918</v>
      </c>
      <c r="H71" s="12" t="s">
        <v>118</v>
      </c>
      <c r="I71" s="12" t="s">
        <v>118</v>
      </c>
      <c r="J71" s="97" t="s">
        <v>1849</v>
      </c>
      <c r="K71" s="97" t="s">
        <v>1851</v>
      </c>
      <c r="L71" s="39">
        <v>40848</v>
      </c>
    </row>
    <row r="72" spans="1:12" ht="26.25" customHeight="1" x14ac:dyDescent="0.15">
      <c r="A72" s="9">
        <v>71</v>
      </c>
      <c r="B72" s="12">
        <v>1670111960</v>
      </c>
      <c r="C72" s="68" t="s">
        <v>1993</v>
      </c>
      <c r="D72" s="158">
        <v>35</v>
      </c>
      <c r="E72" s="63">
        <v>9318403</v>
      </c>
      <c r="F72" s="16" t="s">
        <v>1127</v>
      </c>
      <c r="G72" s="24" t="s">
        <v>1985</v>
      </c>
      <c r="H72" s="12" t="s">
        <v>118</v>
      </c>
      <c r="I72" s="12" t="s">
        <v>118</v>
      </c>
      <c r="J72" s="12" t="s">
        <v>1446</v>
      </c>
      <c r="K72" s="12" t="s">
        <v>280</v>
      </c>
      <c r="L72" s="39">
        <v>40969</v>
      </c>
    </row>
    <row r="73" spans="1:12" ht="26.25" customHeight="1" x14ac:dyDescent="0.15">
      <c r="A73" s="9">
        <v>72</v>
      </c>
      <c r="B73" s="12">
        <v>1670112091</v>
      </c>
      <c r="C73" s="68" t="s">
        <v>625</v>
      </c>
      <c r="D73" s="158">
        <v>30</v>
      </c>
      <c r="E73" s="63">
        <v>9300801</v>
      </c>
      <c r="F73" s="16" t="s">
        <v>1994</v>
      </c>
      <c r="G73" s="24" t="s">
        <v>1969</v>
      </c>
      <c r="H73" s="12" t="s">
        <v>118</v>
      </c>
      <c r="I73" s="12" t="s">
        <v>118</v>
      </c>
      <c r="J73" s="12" t="s">
        <v>1451</v>
      </c>
      <c r="K73" s="12" t="s">
        <v>857</v>
      </c>
      <c r="L73" s="39">
        <v>41122</v>
      </c>
    </row>
    <row r="74" spans="1:12" ht="26.25" customHeight="1" x14ac:dyDescent="0.15">
      <c r="A74" s="9">
        <v>73</v>
      </c>
      <c r="B74" s="14">
        <v>1670112141</v>
      </c>
      <c r="C74" s="69" t="s">
        <v>275</v>
      </c>
      <c r="D74" s="158">
        <v>30</v>
      </c>
      <c r="E74" s="80">
        <v>9300901</v>
      </c>
      <c r="F74" s="16" t="s">
        <v>1773</v>
      </c>
      <c r="G74" s="24" t="s">
        <v>1536</v>
      </c>
      <c r="H74" s="12" t="s">
        <v>118</v>
      </c>
      <c r="I74" s="12" t="s">
        <v>118</v>
      </c>
      <c r="J74" s="12" t="s">
        <v>1</v>
      </c>
      <c r="K74" s="12" t="s">
        <v>279</v>
      </c>
      <c r="L74" s="39">
        <v>41183</v>
      </c>
    </row>
    <row r="75" spans="1:12" ht="26.25" customHeight="1" x14ac:dyDescent="0.15">
      <c r="A75" s="9">
        <v>74</v>
      </c>
      <c r="B75" s="14">
        <v>1670112158</v>
      </c>
      <c r="C75" s="69" t="s">
        <v>1995</v>
      </c>
      <c r="D75" s="158">
        <v>50</v>
      </c>
      <c r="E75" s="80">
        <v>9300974</v>
      </c>
      <c r="F75" s="69" t="s">
        <v>1996</v>
      </c>
      <c r="G75" s="24" t="s">
        <v>1960</v>
      </c>
      <c r="H75" s="12" t="s">
        <v>118</v>
      </c>
      <c r="I75" s="12" t="s">
        <v>118</v>
      </c>
      <c r="J75" s="14" t="s">
        <v>1852</v>
      </c>
      <c r="K75" s="14" t="s">
        <v>1853</v>
      </c>
      <c r="L75" s="39">
        <v>41183</v>
      </c>
    </row>
    <row r="76" spans="1:12" ht="26.25" customHeight="1" x14ac:dyDescent="0.15">
      <c r="A76" s="9">
        <v>75</v>
      </c>
      <c r="B76" s="14">
        <v>1670112364</v>
      </c>
      <c r="C76" s="69" t="s">
        <v>1489</v>
      </c>
      <c r="D76" s="158">
        <v>25</v>
      </c>
      <c r="E76" s="80">
        <v>9398082</v>
      </c>
      <c r="F76" s="69" t="s">
        <v>1998</v>
      </c>
      <c r="G76" s="24" t="s">
        <v>1999</v>
      </c>
      <c r="H76" s="12" t="s">
        <v>118</v>
      </c>
      <c r="I76" s="12" t="s">
        <v>118</v>
      </c>
      <c r="J76" s="14" t="s">
        <v>465</v>
      </c>
      <c r="K76" s="14" t="s">
        <v>1002</v>
      </c>
      <c r="L76" s="39">
        <v>41365</v>
      </c>
    </row>
    <row r="77" spans="1:12" ht="26.25" customHeight="1" x14ac:dyDescent="0.15">
      <c r="A77" s="9">
        <v>76</v>
      </c>
      <c r="B77" s="14">
        <v>1670112380</v>
      </c>
      <c r="C77" s="16" t="s">
        <v>1497</v>
      </c>
      <c r="D77" s="158">
        <v>50</v>
      </c>
      <c r="E77" s="80">
        <v>9392208</v>
      </c>
      <c r="F77" s="16" t="s">
        <v>1234</v>
      </c>
      <c r="G77" s="12" t="s">
        <v>43</v>
      </c>
      <c r="H77" s="12" t="s">
        <v>118</v>
      </c>
      <c r="I77" s="12" t="s">
        <v>118</v>
      </c>
      <c r="J77" s="12" t="s">
        <v>1263</v>
      </c>
      <c r="K77" s="100" t="s">
        <v>1149</v>
      </c>
      <c r="L77" s="39">
        <v>41395</v>
      </c>
    </row>
    <row r="78" spans="1:12" ht="26.25" customHeight="1" x14ac:dyDescent="0.15">
      <c r="A78" s="9">
        <v>77</v>
      </c>
      <c r="B78" s="14">
        <v>1670112463</v>
      </c>
      <c r="C78" s="16" t="s">
        <v>884</v>
      </c>
      <c r="D78" s="158">
        <v>30</v>
      </c>
      <c r="E78" s="80">
        <v>9300891</v>
      </c>
      <c r="F78" s="16" t="s">
        <v>2000</v>
      </c>
      <c r="G78" s="24" t="s">
        <v>1992</v>
      </c>
      <c r="H78" s="12" t="s">
        <v>118</v>
      </c>
      <c r="I78" s="12" t="s">
        <v>118</v>
      </c>
      <c r="J78" s="12" t="s">
        <v>1854</v>
      </c>
      <c r="K78" s="100" t="s">
        <v>1369</v>
      </c>
      <c r="L78" s="39">
        <v>41456</v>
      </c>
    </row>
    <row r="79" spans="1:12" ht="26.25" customHeight="1" x14ac:dyDescent="0.15">
      <c r="A79" s="9">
        <v>78</v>
      </c>
      <c r="B79" s="14">
        <v>1670112638</v>
      </c>
      <c r="C79" s="16" t="s">
        <v>1702</v>
      </c>
      <c r="D79" s="158">
        <v>20</v>
      </c>
      <c r="E79" s="80">
        <v>9318333</v>
      </c>
      <c r="F79" s="16" t="s">
        <v>473</v>
      </c>
      <c r="G79" s="24" t="s">
        <v>931</v>
      </c>
      <c r="H79" s="12" t="s">
        <v>118</v>
      </c>
      <c r="I79" s="12" t="s">
        <v>118</v>
      </c>
      <c r="J79" s="12" t="s">
        <v>1791</v>
      </c>
      <c r="K79" s="100" t="s">
        <v>1540</v>
      </c>
      <c r="L79" s="39">
        <v>41579</v>
      </c>
    </row>
    <row r="80" spans="1:12" ht="26.25" customHeight="1" x14ac:dyDescent="0.15">
      <c r="A80" s="9">
        <v>79</v>
      </c>
      <c r="B80" s="144">
        <v>1670112679</v>
      </c>
      <c r="C80" s="17" t="s">
        <v>117</v>
      </c>
      <c r="D80" s="158">
        <v>40</v>
      </c>
      <c r="E80" s="166">
        <v>9300173</v>
      </c>
      <c r="F80" s="17" t="s">
        <v>1655</v>
      </c>
      <c r="G80" s="25" t="s">
        <v>1800</v>
      </c>
      <c r="H80" s="12" t="s">
        <v>118</v>
      </c>
      <c r="I80" s="13" t="s">
        <v>118</v>
      </c>
      <c r="J80" s="13" t="s">
        <v>169</v>
      </c>
      <c r="K80" s="169" t="s">
        <v>1298</v>
      </c>
      <c r="L80" s="50">
        <v>41640</v>
      </c>
    </row>
    <row r="81" spans="1:12" ht="26.25" customHeight="1" x14ac:dyDescent="0.15">
      <c r="A81" s="9">
        <v>80</v>
      </c>
      <c r="B81" s="14">
        <v>1670112828</v>
      </c>
      <c r="C81" s="16" t="s">
        <v>587</v>
      </c>
      <c r="D81" s="158">
        <v>75</v>
      </c>
      <c r="E81" s="80">
        <v>9300992</v>
      </c>
      <c r="F81" s="16" t="s">
        <v>1314</v>
      </c>
      <c r="G81" s="24" t="s">
        <v>2001</v>
      </c>
      <c r="H81" s="12" t="s">
        <v>118</v>
      </c>
      <c r="I81" s="12" t="s">
        <v>118</v>
      </c>
      <c r="J81" s="12" t="s">
        <v>1846</v>
      </c>
      <c r="K81" s="100" t="s">
        <v>1309</v>
      </c>
      <c r="L81" s="39">
        <v>41730</v>
      </c>
    </row>
    <row r="82" spans="1:12" ht="26.25" customHeight="1" x14ac:dyDescent="0.15">
      <c r="A82" s="9">
        <v>81</v>
      </c>
      <c r="B82" s="14">
        <v>1670113024</v>
      </c>
      <c r="C82" s="69" t="s">
        <v>580</v>
      </c>
      <c r="D82" s="158">
        <v>60</v>
      </c>
      <c r="E82" s="63">
        <v>9392252</v>
      </c>
      <c r="F82" s="67" t="s">
        <v>1855</v>
      </c>
      <c r="G82" s="24" t="s">
        <v>43</v>
      </c>
      <c r="H82" s="12" t="s">
        <v>118</v>
      </c>
      <c r="I82" s="12" t="s">
        <v>118</v>
      </c>
      <c r="J82" s="12" t="s">
        <v>1856</v>
      </c>
      <c r="K82" s="12" t="s">
        <v>759</v>
      </c>
      <c r="L82" s="109">
        <v>41821</v>
      </c>
    </row>
    <row r="83" spans="1:12" ht="26.25" customHeight="1" x14ac:dyDescent="0.15">
      <c r="A83" s="9">
        <v>82</v>
      </c>
      <c r="B83" s="14">
        <v>1670113180</v>
      </c>
      <c r="C83" s="157" t="s">
        <v>1857</v>
      </c>
      <c r="D83" s="158">
        <v>40</v>
      </c>
      <c r="E83" s="95">
        <v>9398064</v>
      </c>
      <c r="F83" s="67" t="s">
        <v>34</v>
      </c>
      <c r="G83" s="24" t="s">
        <v>1458</v>
      </c>
      <c r="H83" s="12" t="s">
        <v>118</v>
      </c>
      <c r="I83" s="12" t="s">
        <v>118</v>
      </c>
      <c r="J83" s="12" t="s">
        <v>1858</v>
      </c>
      <c r="K83" s="12" t="s">
        <v>1102</v>
      </c>
      <c r="L83" s="170">
        <v>44105</v>
      </c>
    </row>
    <row r="84" spans="1:12" ht="26.25" customHeight="1" x14ac:dyDescent="0.15">
      <c r="A84" s="9">
        <v>83</v>
      </c>
      <c r="B84" s="13">
        <v>1670113396</v>
      </c>
      <c r="C84" s="75" t="s">
        <v>1341</v>
      </c>
      <c r="D84" s="159">
        <v>30</v>
      </c>
      <c r="E84" s="13">
        <v>9300066</v>
      </c>
      <c r="F84" s="17" t="s">
        <v>853</v>
      </c>
      <c r="G84" s="13" t="s">
        <v>1786</v>
      </c>
      <c r="H84" s="12" t="s">
        <v>118</v>
      </c>
      <c r="I84" s="13" t="s">
        <v>118</v>
      </c>
      <c r="J84" s="12" t="s">
        <v>149</v>
      </c>
      <c r="K84" s="13" t="s">
        <v>17</v>
      </c>
      <c r="L84" s="39">
        <v>42095</v>
      </c>
    </row>
    <row r="85" spans="1:12" ht="26.25" customHeight="1" x14ac:dyDescent="0.15">
      <c r="A85" s="9">
        <v>84</v>
      </c>
      <c r="B85" s="12">
        <v>1670113487</v>
      </c>
      <c r="C85" s="16" t="s">
        <v>2002</v>
      </c>
      <c r="D85" s="70">
        <v>30</v>
      </c>
      <c r="E85" s="12">
        <v>9302239</v>
      </c>
      <c r="F85" s="16" t="s">
        <v>230</v>
      </c>
      <c r="G85" s="12" t="s">
        <v>1943</v>
      </c>
      <c r="H85" s="12" t="s">
        <v>118</v>
      </c>
      <c r="I85" s="12" t="s">
        <v>118</v>
      </c>
      <c r="J85" s="12" t="s">
        <v>1624</v>
      </c>
      <c r="K85" s="12" t="s">
        <v>510</v>
      </c>
      <c r="L85" s="39">
        <v>42248</v>
      </c>
    </row>
    <row r="86" spans="1:12" ht="26.25" customHeight="1" x14ac:dyDescent="0.15">
      <c r="A86" s="9">
        <v>85</v>
      </c>
      <c r="B86" s="12">
        <v>1670113719</v>
      </c>
      <c r="C86" s="16" t="s">
        <v>1660</v>
      </c>
      <c r="D86" s="70">
        <v>30</v>
      </c>
      <c r="E86" s="12">
        <v>9392304</v>
      </c>
      <c r="F86" s="16" t="s">
        <v>1512</v>
      </c>
      <c r="G86" s="12" t="s">
        <v>1941</v>
      </c>
      <c r="H86" s="12" t="s">
        <v>118</v>
      </c>
      <c r="I86" s="12" t="s">
        <v>118</v>
      </c>
      <c r="J86" s="12" t="s">
        <v>250</v>
      </c>
      <c r="K86" s="12" t="s">
        <v>309</v>
      </c>
      <c r="L86" s="39">
        <v>42461</v>
      </c>
    </row>
    <row r="87" spans="1:12" ht="26.25" customHeight="1" x14ac:dyDescent="0.15">
      <c r="A87" s="9">
        <v>86</v>
      </c>
      <c r="B87" s="12">
        <v>1670113891</v>
      </c>
      <c r="C87" s="16" t="s">
        <v>1741</v>
      </c>
      <c r="D87" s="70">
        <v>20</v>
      </c>
      <c r="E87" s="12">
        <v>9300171</v>
      </c>
      <c r="F87" s="16" t="s">
        <v>367</v>
      </c>
      <c r="G87" s="12" t="s">
        <v>1964</v>
      </c>
      <c r="H87" s="12" t="s">
        <v>118</v>
      </c>
      <c r="I87" s="12" t="s">
        <v>118</v>
      </c>
      <c r="J87" s="12" t="s">
        <v>1226</v>
      </c>
      <c r="K87" s="12" t="s">
        <v>433</v>
      </c>
      <c r="L87" s="39">
        <v>42736</v>
      </c>
    </row>
    <row r="88" spans="1:12" ht="26.25" customHeight="1" x14ac:dyDescent="0.15">
      <c r="A88" s="9">
        <v>87</v>
      </c>
      <c r="B88" s="97">
        <v>1670113909</v>
      </c>
      <c r="C88" s="67" t="s">
        <v>1681</v>
      </c>
      <c r="D88" s="158">
        <v>35</v>
      </c>
      <c r="E88" s="63">
        <v>9300966</v>
      </c>
      <c r="F88" s="67" t="s">
        <v>1108</v>
      </c>
      <c r="G88" s="24" t="s">
        <v>1960</v>
      </c>
      <c r="H88" s="12" t="s">
        <v>118</v>
      </c>
      <c r="I88" s="12" t="s">
        <v>118</v>
      </c>
      <c r="J88" s="12" t="s">
        <v>1859</v>
      </c>
      <c r="K88" s="12" t="s">
        <v>1476</v>
      </c>
      <c r="L88" s="39">
        <v>42745</v>
      </c>
    </row>
    <row r="89" spans="1:12" ht="26.25" customHeight="1" x14ac:dyDescent="0.15">
      <c r="A89" s="9">
        <v>88</v>
      </c>
      <c r="B89" s="97">
        <v>1670114105</v>
      </c>
      <c r="C89" s="67" t="s">
        <v>1860</v>
      </c>
      <c r="D89" s="158">
        <v>40</v>
      </c>
      <c r="E89" s="63">
        <v>9398261</v>
      </c>
      <c r="F89" s="67" t="s">
        <v>274</v>
      </c>
      <c r="G89" s="24" t="s">
        <v>423</v>
      </c>
      <c r="H89" s="12" t="s">
        <v>118</v>
      </c>
      <c r="I89" s="12" t="s">
        <v>118</v>
      </c>
      <c r="J89" s="12" t="s">
        <v>1424</v>
      </c>
      <c r="K89" s="12" t="s">
        <v>1425</v>
      </c>
      <c r="L89" s="39">
        <v>42917</v>
      </c>
    </row>
    <row r="90" spans="1:12" ht="26.25" customHeight="1" x14ac:dyDescent="0.15">
      <c r="A90" s="9">
        <v>89</v>
      </c>
      <c r="B90" s="12">
        <v>1670114121</v>
      </c>
      <c r="C90" s="86" t="s">
        <v>192</v>
      </c>
      <c r="D90" s="160">
        <v>20</v>
      </c>
      <c r="E90" s="12" t="s">
        <v>1414</v>
      </c>
      <c r="F90" s="86" t="s">
        <v>412</v>
      </c>
      <c r="G90" s="12" t="s">
        <v>2003</v>
      </c>
      <c r="H90" s="12" t="s">
        <v>118</v>
      </c>
      <c r="I90" s="12" t="s">
        <v>118</v>
      </c>
      <c r="J90" s="12" t="s">
        <v>1415</v>
      </c>
      <c r="K90" s="12" t="s">
        <v>1416</v>
      </c>
      <c r="L90" s="30">
        <v>42948</v>
      </c>
    </row>
    <row r="91" spans="1:12" ht="26.25" customHeight="1" x14ac:dyDescent="0.15">
      <c r="A91" s="9">
        <v>90</v>
      </c>
      <c r="B91" s="12">
        <v>1670114204</v>
      </c>
      <c r="C91" s="16" t="s">
        <v>52</v>
      </c>
      <c r="D91" s="16">
        <v>60</v>
      </c>
      <c r="E91" s="12" t="s">
        <v>1315</v>
      </c>
      <c r="F91" s="16" t="s">
        <v>2004</v>
      </c>
      <c r="G91" s="12" t="s">
        <v>1918</v>
      </c>
      <c r="H91" s="12" t="s">
        <v>118</v>
      </c>
      <c r="I91" s="12" t="s">
        <v>118</v>
      </c>
      <c r="J91" s="12" t="s">
        <v>287</v>
      </c>
      <c r="K91" s="12" t="s">
        <v>550</v>
      </c>
      <c r="L91" s="39">
        <v>43040</v>
      </c>
    </row>
    <row r="92" spans="1:12" ht="26.25" customHeight="1" x14ac:dyDescent="0.15">
      <c r="A92" s="9">
        <v>91</v>
      </c>
      <c r="B92" s="12">
        <v>1670114352</v>
      </c>
      <c r="C92" s="78" t="s">
        <v>1965</v>
      </c>
      <c r="D92" s="161">
        <v>35</v>
      </c>
      <c r="E92" s="12" t="s">
        <v>1527</v>
      </c>
      <c r="F92" s="67" t="s">
        <v>1468</v>
      </c>
      <c r="G92" s="12" t="s">
        <v>1458</v>
      </c>
      <c r="H92" s="12" t="s">
        <v>118</v>
      </c>
      <c r="I92" s="12" t="s">
        <v>118</v>
      </c>
      <c r="J92" s="12" t="s">
        <v>123</v>
      </c>
      <c r="K92" s="12" t="s">
        <v>1605</v>
      </c>
      <c r="L92" s="39">
        <v>43282</v>
      </c>
    </row>
    <row r="93" spans="1:12" ht="26.25" customHeight="1" x14ac:dyDescent="0.15">
      <c r="A93" s="9">
        <v>92</v>
      </c>
      <c r="B93" s="12">
        <v>1670114543</v>
      </c>
      <c r="C93" s="78" t="s">
        <v>2005</v>
      </c>
      <c r="D93" s="161">
        <v>20</v>
      </c>
      <c r="E93" s="12">
        <v>9398204</v>
      </c>
      <c r="F93" s="67" t="s">
        <v>2006</v>
      </c>
      <c r="G93" s="12" t="s">
        <v>1952</v>
      </c>
      <c r="H93" s="12" t="s">
        <v>118</v>
      </c>
      <c r="I93" s="12" t="s">
        <v>118</v>
      </c>
      <c r="J93" s="12" t="s">
        <v>1484</v>
      </c>
      <c r="K93" s="62" t="s">
        <v>1327</v>
      </c>
      <c r="L93" s="39">
        <v>43497</v>
      </c>
    </row>
    <row r="94" spans="1:12" ht="26.25" customHeight="1" x14ac:dyDescent="0.15">
      <c r="A94" s="9">
        <v>93</v>
      </c>
      <c r="B94" s="12">
        <v>1670114642</v>
      </c>
      <c r="C94" s="123" t="s">
        <v>2007</v>
      </c>
      <c r="D94" s="161">
        <v>30</v>
      </c>
      <c r="E94" s="12">
        <v>9300903</v>
      </c>
      <c r="F94" s="67" t="s">
        <v>2008</v>
      </c>
      <c r="G94" s="12" t="s">
        <v>1972</v>
      </c>
      <c r="H94" s="12" t="s">
        <v>118</v>
      </c>
      <c r="I94" s="12" t="s">
        <v>118</v>
      </c>
      <c r="J94" s="12" t="s">
        <v>783</v>
      </c>
      <c r="K94" s="12" t="s">
        <v>781</v>
      </c>
      <c r="L94" s="39">
        <v>43617</v>
      </c>
    </row>
    <row r="95" spans="1:12" ht="26.25" customHeight="1" x14ac:dyDescent="0.15">
      <c r="A95" s="9">
        <v>94</v>
      </c>
      <c r="B95" s="12">
        <v>1670114873</v>
      </c>
      <c r="C95" s="123" t="s">
        <v>524</v>
      </c>
      <c r="D95" s="161">
        <v>29</v>
      </c>
      <c r="E95" s="12">
        <v>9300023</v>
      </c>
      <c r="F95" s="67" t="s">
        <v>2009</v>
      </c>
      <c r="G95" s="12" t="s">
        <v>1939</v>
      </c>
      <c r="H95" s="12" t="s">
        <v>118</v>
      </c>
      <c r="I95" s="12" t="s">
        <v>118</v>
      </c>
      <c r="J95" s="12" t="s">
        <v>1799</v>
      </c>
      <c r="K95" s="12" t="s">
        <v>885</v>
      </c>
      <c r="L95" s="39">
        <v>43922</v>
      </c>
    </row>
    <row r="96" spans="1:12" ht="26.25" customHeight="1" x14ac:dyDescent="0.15">
      <c r="A96" s="9">
        <v>95</v>
      </c>
      <c r="B96" s="13">
        <v>1670115060</v>
      </c>
      <c r="C96" s="17" t="s">
        <v>2152</v>
      </c>
      <c r="D96" s="162">
        <v>40</v>
      </c>
      <c r="E96" s="13">
        <v>9398045</v>
      </c>
      <c r="F96" s="88" t="s">
        <v>1182</v>
      </c>
      <c r="G96" s="13" t="s">
        <v>2010</v>
      </c>
      <c r="H96" s="13" t="s">
        <v>118</v>
      </c>
      <c r="I96" s="12" t="s">
        <v>118</v>
      </c>
      <c r="J96" s="13" t="s">
        <v>1103</v>
      </c>
      <c r="K96" s="13" t="s">
        <v>1862</v>
      </c>
      <c r="L96" s="50">
        <v>44256</v>
      </c>
    </row>
    <row r="97" spans="1:13" ht="26.25" customHeight="1" x14ac:dyDescent="0.15">
      <c r="A97" s="9">
        <v>96</v>
      </c>
      <c r="B97" s="12">
        <v>1670115243</v>
      </c>
      <c r="C97" s="78" t="s">
        <v>1878</v>
      </c>
      <c r="D97" s="161">
        <v>20</v>
      </c>
      <c r="E97" s="12">
        <v>9392726</v>
      </c>
      <c r="F97" s="67" t="s">
        <v>25</v>
      </c>
      <c r="G97" s="12" t="s">
        <v>1918</v>
      </c>
      <c r="H97" s="12" t="s">
        <v>118</v>
      </c>
      <c r="I97" s="12" t="s">
        <v>118</v>
      </c>
      <c r="J97" s="12" t="s">
        <v>1880</v>
      </c>
      <c r="K97" s="12" t="s">
        <v>605</v>
      </c>
      <c r="L97" s="39">
        <v>44866</v>
      </c>
      <c r="M97" s="174"/>
    </row>
    <row r="98" spans="1:13" ht="26.25" customHeight="1" x14ac:dyDescent="0.15">
      <c r="A98" s="9">
        <v>97</v>
      </c>
      <c r="B98" s="12">
        <v>1670115284</v>
      </c>
      <c r="C98" s="78" t="s">
        <v>1420</v>
      </c>
      <c r="D98" s="161">
        <v>40</v>
      </c>
      <c r="E98" s="12">
        <v>9300912</v>
      </c>
      <c r="F98" s="67" t="s">
        <v>1372</v>
      </c>
      <c r="G98" s="12" t="s">
        <v>2011</v>
      </c>
      <c r="H98" s="12" t="s">
        <v>118</v>
      </c>
      <c r="I98" s="12" t="s">
        <v>118</v>
      </c>
      <c r="J98" s="12" t="s">
        <v>1464</v>
      </c>
      <c r="K98" s="12" t="s">
        <v>452</v>
      </c>
      <c r="L98" s="39">
        <v>44986</v>
      </c>
    </row>
    <row r="99" spans="1:13" ht="26.25" customHeight="1" x14ac:dyDescent="0.15">
      <c r="A99" s="9">
        <v>98</v>
      </c>
      <c r="B99" s="63">
        <v>1670115292</v>
      </c>
      <c r="C99" s="78" t="s">
        <v>1022</v>
      </c>
      <c r="D99" s="161">
        <v>35</v>
      </c>
      <c r="E99" s="81">
        <v>9300803</v>
      </c>
      <c r="F99" s="67" t="s">
        <v>498</v>
      </c>
      <c r="G99" s="12" t="s">
        <v>1969</v>
      </c>
      <c r="H99" s="12" t="s">
        <v>118</v>
      </c>
      <c r="I99" s="12" t="s">
        <v>118</v>
      </c>
      <c r="J99" s="12" t="s">
        <v>113</v>
      </c>
      <c r="K99" s="12" t="s">
        <v>441</v>
      </c>
      <c r="L99" s="39">
        <v>45017</v>
      </c>
    </row>
    <row r="100" spans="1:13" ht="26.25" customHeight="1" x14ac:dyDescent="0.15">
      <c r="A100" s="9">
        <v>99</v>
      </c>
      <c r="B100" s="63">
        <v>1670115334</v>
      </c>
      <c r="C100" s="78" t="s">
        <v>751</v>
      </c>
      <c r="D100" s="161">
        <v>30</v>
      </c>
      <c r="E100" s="81">
        <v>9300892</v>
      </c>
      <c r="F100" s="67" t="s">
        <v>1892</v>
      </c>
      <c r="G100" s="12" t="s">
        <v>1956</v>
      </c>
      <c r="H100" s="12" t="s">
        <v>118</v>
      </c>
      <c r="I100" s="12" t="s">
        <v>118</v>
      </c>
      <c r="J100" s="12" t="s">
        <v>1893</v>
      </c>
      <c r="K100" s="12" t="s">
        <v>1806</v>
      </c>
      <c r="L100" s="39">
        <v>45078</v>
      </c>
    </row>
    <row r="101" spans="1:13" ht="26.25" customHeight="1" x14ac:dyDescent="0.15">
      <c r="A101" s="9">
        <v>100</v>
      </c>
      <c r="B101" s="63">
        <v>1670115342</v>
      </c>
      <c r="C101" s="78" t="s">
        <v>1737</v>
      </c>
      <c r="D101" s="161">
        <v>35</v>
      </c>
      <c r="E101" s="81">
        <v>9398213</v>
      </c>
      <c r="F101" s="16" t="s">
        <v>1176</v>
      </c>
      <c r="G101" s="12" t="s">
        <v>627</v>
      </c>
      <c r="H101" s="12" t="s">
        <v>118</v>
      </c>
      <c r="I101" s="12" t="s">
        <v>118</v>
      </c>
      <c r="J101" s="12" t="s">
        <v>1849</v>
      </c>
      <c r="K101" s="12" t="s">
        <v>1851</v>
      </c>
      <c r="L101" s="39">
        <v>45078</v>
      </c>
      <c r="M101" s="175"/>
    </row>
    <row r="102" spans="1:13" ht="26.25" customHeight="1" x14ac:dyDescent="0.15">
      <c r="A102" s="9">
        <v>101</v>
      </c>
      <c r="B102" s="85">
        <v>1670115482</v>
      </c>
      <c r="C102" s="17" t="s">
        <v>1556</v>
      </c>
      <c r="D102" s="163">
        <v>30</v>
      </c>
      <c r="E102" s="44">
        <v>9392251</v>
      </c>
      <c r="F102" s="89" t="s">
        <v>1321</v>
      </c>
      <c r="G102" s="61" t="s">
        <v>43</v>
      </c>
      <c r="H102" s="13" t="s">
        <v>118</v>
      </c>
      <c r="I102" s="13" t="s">
        <v>118</v>
      </c>
      <c r="J102" s="61" t="s">
        <v>197</v>
      </c>
      <c r="K102" s="61" t="s">
        <v>226</v>
      </c>
      <c r="L102" s="50">
        <v>45383</v>
      </c>
      <c r="M102" s="176"/>
    </row>
    <row r="103" spans="1:13" ht="26.25" customHeight="1" x14ac:dyDescent="0.15">
      <c r="A103" s="9">
        <v>102</v>
      </c>
      <c r="B103" s="64">
        <v>1670115540</v>
      </c>
      <c r="C103" s="123" t="s">
        <v>2051</v>
      </c>
      <c r="D103" s="164">
        <v>30</v>
      </c>
      <c r="E103" s="64">
        <v>9392311</v>
      </c>
      <c r="F103" s="123" t="s">
        <v>370</v>
      </c>
      <c r="G103" s="38" t="s">
        <v>266</v>
      </c>
      <c r="H103" s="64" t="s">
        <v>118</v>
      </c>
      <c r="I103" s="64" t="s">
        <v>118</v>
      </c>
      <c r="J103" s="64" t="s">
        <v>515</v>
      </c>
      <c r="K103" s="64" t="s">
        <v>316</v>
      </c>
      <c r="L103" s="171">
        <v>45566</v>
      </c>
      <c r="M103" s="176"/>
    </row>
    <row r="104" spans="1:13" ht="26.25" customHeight="1" x14ac:dyDescent="0.15">
      <c r="A104" s="9">
        <v>103</v>
      </c>
      <c r="B104" s="64">
        <v>1670115680</v>
      </c>
      <c r="C104" s="123" t="s">
        <v>1475</v>
      </c>
      <c r="D104" s="164">
        <v>19</v>
      </c>
      <c r="E104" s="64">
        <v>9300821</v>
      </c>
      <c r="F104" s="123" t="s">
        <v>2119</v>
      </c>
      <c r="G104" s="38" t="s">
        <v>1173</v>
      </c>
      <c r="H104" s="64" t="s">
        <v>1728</v>
      </c>
      <c r="I104" s="64" t="s">
        <v>1728</v>
      </c>
      <c r="J104" s="64" t="s">
        <v>520</v>
      </c>
      <c r="K104" s="64" t="s">
        <v>520</v>
      </c>
      <c r="L104" s="114">
        <v>45778</v>
      </c>
      <c r="M104" s="176"/>
    </row>
    <row r="105" spans="1:13" ht="26.25" customHeight="1" x14ac:dyDescent="0.15">
      <c r="A105" s="155"/>
      <c r="B105" s="156"/>
      <c r="C105" s="145" t="s">
        <v>967</v>
      </c>
      <c r="D105" s="165">
        <f>SUM(D2:D104)</f>
        <v>3532</v>
      </c>
      <c r="E105" s="167"/>
      <c r="F105" s="148"/>
      <c r="G105" s="168"/>
      <c r="H105" s="168"/>
      <c r="I105" s="168"/>
      <c r="J105" s="149"/>
      <c r="K105" s="149"/>
      <c r="L105" s="172"/>
    </row>
  </sheetData>
  <phoneticPr fontId="5"/>
  <printOptions horizontalCentered="1" gridLines="1"/>
  <pageMargins left="0.59055118110236227" right="0.59055118110236227" top="0.70866141732283472" bottom="0.39370078740157483" header="0.51181102362204722" footer="0.19685039370078741"/>
  <pageSetup paperSize="9" scale="70" fitToHeight="0" orientation="landscape" r:id="rId1"/>
  <headerFooter alignWithMargins="0">
    <oddHeader>&amp;C&amp;14通所介護事業所一覧</oddHeader>
    <oddFooter>&amp;C&amp;P&amp;R(&amp;A)</oddFooter>
  </headerFooter>
  <ignoredErrors>
    <ignoredError sqref="E90:E92" numberStoredAsText="1"/>
  </ignoredError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tabColor theme="9"/>
  </sheetPr>
  <dimension ref="A1:L11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1" customWidth="1"/>
    <col min="4" max="4" width="7.625" style="1" customWidth="1"/>
    <col min="5" max="5" width="10.625" style="1" customWidth="1"/>
    <col min="6" max="6" width="36.125" style="1" customWidth="1"/>
    <col min="7" max="7" width="10.625" style="1" customWidth="1"/>
    <col min="8" max="9" width="9.625" style="1" customWidth="1"/>
    <col min="10" max="11" width="15.625" style="1" customWidth="1"/>
    <col min="12" max="12" width="9.625" style="1" customWidth="1"/>
    <col min="13" max="16384" width="9" style="1"/>
  </cols>
  <sheetData>
    <row r="1" spans="1:12" ht="36.950000000000003" customHeight="1" x14ac:dyDescent="0.15">
      <c r="A1" s="153"/>
      <c r="B1" s="143" t="s">
        <v>285</v>
      </c>
      <c r="C1" s="179" t="s">
        <v>1259</v>
      </c>
      <c r="D1" s="143" t="s">
        <v>838</v>
      </c>
      <c r="E1" s="38" t="s">
        <v>1866</v>
      </c>
      <c r="F1" s="11" t="s">
        <v>184</v>
      </c>
      <c r="G1" s="11" t="s">
        <v>1242</v>
      </c>
      <c r="H1" s="11" t="s">
        <v>406</v>
      </c>
      <c r="I1" s="181" t="s">
        <v>772</v>
      </c>
      <c r="J1" s="38" t="s">
        <v>832</v>
      </c>
      <c r="K1" s="143" t="s">
        <v>1726</v>
      </c>
      <c r="L1" s="182" t="s">
        <v>2149</v>
      </c>
    </row>
    <row r="2" spans="1:12" ht="26.25" customHeight="1" x14ac:dyDescent="0.15">
      <c r="A2" s="9">
        <v>1</v>
      </c>
      <c r="B2" s="14" t="s">
        <v>1244</v>
      </c>
      <c r="C2" s="69" t="s">
        <v>377</v>
      </c>
      <c r="D2" s="16">
        <v>40</v>
      </c>
      <c r="E2" s="14" t="s">
        <v>1720</v>
      </c>
      <c r="F2" s="69" t="s">
        <v>937</v>
      </c>
      <c r="G2" s="12" t="s">
        <v>1358</v>
      </c>
      <c r="H2" s="12" t="s">
        <v>118</v>
      </c>
      <c r="I2" s="12" t="s">
        <v>118</v>
      </c>
      <c r="J2" s="14" t="s">
        <v>380</v>
      </c>
      <c r="K2" s="14" t="s">
        <v>415</v>
      </c>
      <c r="L2" s="39">
        <v>36617</v>
      </c>
    </row>
    <row r="3" spans="1:12" ht="26.25" customHeight="1" x14ac:dyDescent="0.15">
      <c r="A3" s="9">
        <v>2</v>
      </c>
      <c r="B3" s="14" t="s">
        <v>1152</v>
      </c>
      <c r="C3" s="69" t="s">
        <v>469</v>
      </c>
      <c r="D3" s="16">
        <v>20</v>
      </c>
      <c r="E3" s="14" t="s">
        <v>1279</v>
      </c>
      <c r="F3" s="69" t="s">
        <v>1042</v>
      </c>
      <c r="G3" s="12" t="s">
        <v>1359</v>
      </c>
      <c r="H3" s="12" t="s">
        <v>118</v>
      </c>
      <c r="I3" s="12" t="s">
        <v>118</v>
      </c>
      <c r="J3" s="14" t="s">
        <v>387</v>
      </c>
      <c r="K3" s="14" t="s">
        <v>389</v>
      </c>
      <c r="L3" s="39">
        <v>36617</v>
      </c>
    </row>
    <row r="4" spans="1:12" ht="26.25" customHeight="1" x14ac:dyDescent="0.15">
      <c r="A4" s="9">
        <v>3</v>
      </c>
      <c r="B4" s="14" t="s">
        <v>579</v>
      </c>
      <c r="C4" s="69" t="s">
        <v>103</v>
      </c>
      <c r="D4" s="16">
        <v>84</v>
      </c>
      <c r="E4" s="14" t="s">
        <v>1266</v>
      </c>
      <c r="F4" s="16" t="s">
        <v>1307</v>
      </c>
      <c r="G4" s="12" t="s">
        <v>1357</v>
      </c>
      <c r="H4" s="12" t="s">
        <v>118</v>
      </c>
      <c r="I4" s="12" t="s">
        <v>118</v>
      </c>
      <c r="J4" s="14" t="s">
        <v>1074</v>
      </c>
      <c r="K4" s="14" t="s">
        <v>417</v>
      </c>
      <c r="L4" s="39">
        <v>36617</v>
      </c>
    </row>
    <row r="5" spans="1:12" ht="26.25" customHeight="1" x14ac:dyDescent="0.15">
      <c r="A5" s="9">
        <v>4</v>
      </c>
      <c r="B5" s="14" t="s">
        <v>1280</v>
      </c>
      <c r="C5" s="69" t="s">
        <v>1019</v>
      </c>
      <c r="D5" s="16">
        <v>35</v>
      </c>
      <c r="E5" s="14" t="s">
        <v>1276</v>
      </c>
      <c r="F5" s="69" t="s">
        <v>462</v>
      </c>
      <c r="G5" s="12" t="s">
        <v>1362</v>
      </c>
      <c r="H5" s="12" t="s">
        <v>118</v>
      </c>
      <c r="I5" s="12" t="s">
        <v>118</v>
      </c>
      <c r="J5" s="14" t="s">
        <v>160</v>
      </c>
      <c r="K5" s="14" t="s">
        <v>271</v>
      </c>
      <c r="L5" s="39">
        <v>36617</v>
      </c>
    </row>
    <row r="6" spans="1:12" ht="26.25" customHeight="1" x14ac:dyDescent="0.15">
      <c r="A6" s="9">
        <v>5</v>
      </c>
      <c r="B6" s="14" t="s">
        <v>1195</v>
      </c>
      <c r="C6" s="69" t="s">
        <v>742</v>
      </c>
      <c r="D6" s="16">
        <v>60</v>
      </c>
      <c r="E6" s="14" t="s">
        <v>1125</v>
      </c>
      <c r="F6" s="69" t="s">
        <v>1281</v>
      </c>
      <c r="G6" s="12" t="s">
        <v>106</v>
      </c>
      <c r="H6" s="12" t="s">
        <v>118</v>
      </c>
      <c r="I6" s="12" t="s">
        <v>118</v>
      </c>
      <c r="J6" s="14" t="s">
        <v>561</v>
      </c>
      <c r="K6" s="14" t="s">
        <v>290</v>
      </c>
      <c r="L6" s="39">
        <v>36983</v>
      </c>
    </row>
    <row r="7" spans="1:12" ht="26.25" customHeight="1" x14ac:dyDescent="0.15">
      <c r="A7" s="9">
        <v>6</v>
      </c>
      <c r="B7" s="14" t="s">
        <v>1283</v>
      </c>
      <c r="C7" s="69" t="s">
        <v>1285</v>
      </c>
      <c r="D7" s="16">
        <v>20</v>
      </c>
      <c r="E7" s="14" t="s">
        <v>1331</v>
      </c>
      <c r="F7" s="69" t="s">
        <v>761</v>
      </c>
      <c r="G7" s="12" t="s">
        <v>1349</v>
      </c>
      <c r="H7" s="12" t="s">
        <v>118</v>
      </c>
      <c r="I7" s="12" t="s">
        <v>118</v>
      </c>
      <c r="J7" s="14" t="s">
        <v>8</v>
      </c>
      <c r="K7" s="12" t="s">
        <v>754</v>
      </c>
      <c r="L7" s="39">
        <v>41061</v>
      </c>
    </row>
    <row r="8" spans="1:12" ht="26.25" customHeight="1" x14ac:dyDescent="0.15">
      <c r="A8" s="9">
        <v>7</v>
      </c>
      <c r="B8" s="144">
        <v>1670115474</v>
      </c>
      <c r="C8" s="147" t="s">
        <v>2012</v>
      </c>
      <c r="D8" s="17">
        <v>40</v>
      </c>
      <c r="E8" s="144">
        <v>9398272</v>
      </c>
      <c r="F8" s="147" t="s">
        <v>622</v>
      </c>
      <c r="G8" s="13" t="s">
        <v>1952</v>
      </c>
      <c r="H8" s="13" t="s">
        <v>118</v>
      </c>
      <c r="I8" s="13" t="s">
        <v>118</v>
      </c>
      <c r="J8" s="144" t="s">
        <v>607</v>
      </c>
      <c r="K8" s="13" t="s">
        <v>614</v>
      </c>
      <c r="L8" s="50">
        <v>45383</v>
      </c>
    </row>
    <row r="9" spans="1:12" ht="26.25" customHeight="1" x14ac:dyDescent="0.15">
      <c r="A9" s="177"/>
      <c r="B9" s="178"/>
      <c r="C9" s="180" t="s">
        <v>967</v>
      </c>
      <c r="D9" s="178">
        <f>SUM(D2:D8)</f>
        <v>299</v>
      </c>
      <c r="E9" s="178"/>
      <c r="F9" s="178"/>
      <c r="G9" s="178"/>
      <c r="H9" s="178"/>
      <c r="I9" s="178"/>
      <c r="J9" s="178"/>
      <c r="K9" s="178"/>
      <c r="L9" s="183"/>
    </row>
    <row r="11" spans="1:12" ht="12.75" customHeight="1" x14ac:dyDescent="0.15"/>
  </sheetData>
  <phoneticPr fontId="5"/>
  <pageMargins left="0.70866141732283472" right="0.31496062992125984" top="0.74803149606299213" bottom="0.74803149606299213" header="0.51181102362204722" footer="0.31496062992125984"/>
  <pageSetup paperSize="9" scale="70" orientation="landscape" r:id="rId1"/>
  <headerFooter>
    <oddHeader>&amp;C通所リハビリテーション事業所</oddHeader>
    <oddFooter>&amp;C&amp;P&amp;R(&amp;A)</oddFooter>
  </headerFooter>
  <ignoredErrors>
    <ignoredError sqref="B2:B7 E2:E7" numberStoredAsText="1"/>
  </ignoredError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22">
    <tabColor theme="9"/>
  </sheetPr>
  <dimension ref="A1:L60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625" style="1" customWidth="1"/>
    <col min="4" max="4" width="7.625" style="1" customWidth="1"/>
    <col min="5" max="5" width="10.625" style="1" customWidth="1"/>
    <col min="6" max="6" width="31.625" style="1" customWidth="1"/>
    <col min="7" max="7" width="10.625" style="1" customWidth="1"/>
    <col min="8" max="9" width="9.625" style="1" customWidth="1"/>
    <col min="10" max="11" width="15.625" style="6" customWidth="1"/>
    <col min="12" max="12" width="9.625" style="37" customWidth="1"/>
    <col min="13" max="16384" width="9" style="1"/>
  </cols>
  <sheetData>
    <row r="1" spans="1:12" s="5" customFormat="1" ht="36.950000000000003" customHeight="1" x14ac:dyDescent="0.15">
      <c r="A1" s="8"/>
      <c r="B1" s="11" t="s">
        <v>285</v>
      </c>
      <c r="C1" s="11" t="s">
        <v>530</v>
      </c>
      <c r="D1" s="11" t="s">
        <v>838</v>
      </c>
      <c r="E1" s="38" t="s">
        <v>1866</v>
      </c>
      <c r="F1" s="11" t="s">
        <v>830</v>
      </c>
      <c r="G1" s="11" t="s">
        <v>1242</v>
      </c>
      <c r="H1" s="11" t="s">
        <v>406</v>
      </c>
      <c r="I1" s="11" t="s">
        <v>772</v>
      </c>
      <c r="J1" s="11" t="s">
        <v>832</v>
      </c>
      <c r="K1" s="143" t="s">
        <v>1726</v>
      </c>
      <c r="L1" s="29" t="s">
        <v>182</v>
      </c>
    </row>
    <row r="2" spans="1:12" ht="26.25" customHeight="1" x14ac:dyDescent="0.15">
      <c r="A2" s="9">
        <v>1</v>
      </c>
      <c r="B2" s="12">
        <v>1670101029</v>
      </c>
      <c r="C2" s="67" t="s">
        <v>338</v>
      </c>
      <c r="D2" s="16">
        <v>20</v>
      </c>
      <c r="E2" s="12">
        <v>9398025</v>
      </c>
      <c r="F2" s="16" t="s">
        <v>1211</v>
      </c>
      <c r="G2" s="24" t="s">
        <v>791</v>
      </c>
      <c r="H2" s="12" t="s">
        <v>118</v>
      </c>
      <c r="I2" s="12" t="s">
        <v>118</v>
      </c>
      <c r="J2" s="12" t="s">
        <v>313</v>
      </c>
      <c r="K2" s="12" t="s">
        <v>974</v>
      </c>
      <c r="L2" s="39">
        <v>36495</v>
      </c>
    </row>
    <row r="3" spans="1:12" ht="26.25" customHeight="1" x14ac:dyDescent="0.15">
      <c r="A3" s="220">
        <v>2</v>
      </c>
      <c r="B3" s="12">
        <v>1670101060</v>
      </c>
      <c r="C3" s="67" t="s">
        <v>421</v>
      </c>
      <c r="D3" s="16">
        <v>10</v>
      </c>
      <c r="E3" s="12">
        <v>9398222</v>
      </c>
      <c r="F3" s="16" t="s">
        <v>1232</v>
      </c>
      <c r="G3" s="24" t="s">
        <v>1163</v>
      </c>
      <c r="H3" s="12" t="s">
        <v>118</v>
      </c>
      <c r="I3" s="12" t="s">
        <v>118</v>
      </c>
      <c r="J3" s="12" t="s">
        <v>1685</v>
      </c>
      <c r="K3" s="12" t="s">
        <v>356</v>
      </c>
      <c r="L3" s="39">
        <v>36570</v>
      </c>
    </row>
    <row r="4" spans="1:12" ht="26.25" customHeight="1" x14ac:dyDescent="0.15">
      <c r="A4" s="221"/>
      <c r="B4" s="12">
        <v>1670101060</v>
      </c>
      <c r="C4" s="67" t="s">
        <v>421</v>
      </c>
      <c r="D4" s="188" t="s">
        <v>2148</v>
      </c>
      <c r="E4" s="12">
        <v>9398222</v>
      </c>
      <c r="F4" s="16" t="s">
        <v>1232</v>
      </c>
      <c r="G4" s="24" t="s">
        <v>1163</v>
      </c>
      <c r="H4" s="12" t="s">
        <v>118</v>
      </c>
      <c r="I4" s="12" t="s">
        <v>118</v>
      </c>
      <c r="J4" s="12" t="s">
        <v>1685</v>
      </c>
      <c r="K4" s="12" t="s">
        <v>356</v>
      </c>
      <c r="L4" s="39">
        <v>41730</v>
      </c>
    </row>
    <row r="5" spans="1:12" ht="26.25" customHeight="1" x14ac:dyDescent="0.15">
      <c r="A5" s="9">
        <v>3</v>
      </c>
      <c r="B5" s="12">
        <v>1670101896</v>
      </c>
      <c r="C5" s="67" t="s">
        <v>193</v>
      </c>
      <c r="D5" s="16">
        <v>20</v>
      </c>
      <c r="E5" s="12">
        <v>9398121</v>
      </c>
      <c r="F5" s="16" t="s">
        <v>1217</v>
      </c>
      <c r="G5" s="24" t="s">
        <v>1159</v>
      </c>
      <c r="H5" s="12" t="s">
        <v>118</v>
      </c>
      <c r="I5" s="12" t="s">
        <v>118</v>
      </c>
      <c r="J5" s="12" t="s">
        <v>385</v>
      </c>
      <c r="K5" s="12" t="s">
        <v>386</v>
      </c>
      <c r="L5" s="39">
        <v>37347</v>
      </c>
    </row>
    <row r="6" spans="1:12" ht="26.25" customHeight="1" x14ac:dyDescent="0.15">
      <c r="A6" s="9">
        <v>4</v>
      </c>
      <c r="B6" s="12">
        <v>1670104502</v>
      </c>
      <c r="C6" s="67" t="s">
        <v>284</v>
      </c>
      <c r="D6" s="16">
        <v>9</v>
      </c>
      <c r="E6" s="12">
        <v>9398194</v>
      </c>
      <c r="F6" s="16" t="s">
        <v>447</v>
      </c>
      <c r="G6" s="24" t="s">
        <v>1165</v>
      </c>
      <c r="H6" s="12" t="s">
        <v>118</v>
      </c>
      <c r="I6" s="12" t="s">
        <v>118</v>
      </c>
      <c r="J6" s="12" t="s">
        <v>745</v>
      </c>
      <c r="K6" s="12" t="s">
        <v>756</v>
      </c>
      <c r="L6" s="39">
        <v>39448</v>
      </c>
    </row>
    <row r="7" spans="1:12" ht="26.25" customHeight="1" x14ac:dyDescent="0.15">
      <c r="A7" s="9">
        <v>5</v>
      </c>
      <c r="B7" s="12">
        <v>1670104684</v>
      </c>
      <c r="C7" s="67" t="s">
        <v>1202</v>
      </c>
      <c r="D7" s="16">
        <v>10</v>
      </c>
      <c r="E7" s="27">
        <v>9300821</v>
      </c>
      <c r="F7" s="16" t="s">
        <v>1330</v>
      </c>
      <c r="G7" s="24" t="s">
        <v>1173</v>
      </c>
      <c r="H7" s="12" t="s">
        <v>118</v>
      </c>
      <c r="I7" s="12" t="s">
        <v>118</v>
      </c>
      <c r="J7" s="12" t="s">
        <v>883</v>
      </c>
      <c r="K7" s="12" t="s">
        <v>241</v>
      </c>
      <c r="L7" s="39">
        <v>39600</v>
      </c>
    </row>
    <row r="8" spans="1:12" ht="26.25" customHeight="1" x14ac:dyDescent="0.15">
      <c r="A8" s="9">
        <v>6</v>
      </c>
      <c r="B8" s="12">
        <v>1670101045</v>
      </c>
      <c r="C8" s="67" t="s">
        <v>145</v>
      </c>
      <c r="D8" s="16">
        <v>23</v>
      </c>
      <c r="E8" s="12">
        <v>9398281</v>
      </c>
      <c r="F8" s="16" t="s">
        <v>14</v>
      </c>
      <c r="G8" s="24" t="s">
        <v>46</v>
      </c>
      <c r="H8" s="12" t="s">
        <v>118</v>
      </c>
      <c r="I8" s="12" t="s">
        <v>118</v>
      </c>
      <c r="J8" s="12" t="s">
        <v>101</v>
      </c>
      <c r="K8" s="12" t="s">
        <v>74</v>
      </c>
      <c r="L8" s="39">
        <v>36536</v>
      </c>
    </row>
    <row r="9" spans="1:12" ht="26.25" customHeight="1" x14ac:dyDescent="0.15">
      <c r="A9" s="9">
        <v>7</v>
      </c>
      <c r="B9" s="12">
        <v>1670101037</v>
      </c>
      <c r="C9" s="67" t="s">
        <v>339</v>
      </c>
      <c r="D9" s="16">
        <v>14</v>
      </c>
      <c r="E9" s="12">
        <v>9318412</v>
      </c>
      <c r="F9" s="16" t="s">
        <v>1233</v>
      </c>
      <c r="G9" s="24" t="s">
        <v>186</v>
      </c>
      <c r="H9" s="12" t="s">
        <v>118</v>
      </c>
      <c r="I9" s="12" t="s">
        <v>118</v>
      </c>
      <c r="J9" s="12" t="s">
        <v>341</v>
      </c>
      <c r="K9" s="12" t="s">
        <v>688</v>
      </c>
      <c r="L9" s="39">
        <v>36536</v>
      </c>
    </row>
    <row r="10" spans="1:12" ht="26.25" customHeight="1" x14ac:dyDescent="0.15">
      <c r="A10" s="220">
        <v>8</v>
      </c>
      <c r="B10" s="12">
        <v>1671500179</v>
      </c>
      <c r="C10" s="67" t="s">
        <v>216</v>
      </c>
      <c r="D10" s="16">
        <v>19</v>
      </c>
      <c r="E10" s="12">
        <v>9392226</v>
      </c>
      <c r="F10" s="16" t="s">
        <v>1214</v>
      </c>
      <c r="G10" s="24" t="s">
        <v>620</v>
      </c>
      <c r="H10" s="12" t="s">
        <v>118</v>
      </c>
      <c r="I10" s="12" t="s">
        <v>118</v>
      </c>
      <c r="J10" s="12" t="s">
        <v>518</v>
      </c>
      <c r="K10" s="12" t="s">
        <v>194</v>
      </c>
      <c r="L10" s="39">
        <v>36570</v>
      </c>
    </row>
    <row r="11" spans="1:12" ht="26.25" customHeight="1" x14ac:dyDescent="0.15">
      <c r="A11" s="221"/>
      <c r="B11" s="12">
        <v>1671500179</v>
      </c>
      <c r="C11" s="67" t="s">
        <v>738</v>
      </c>
      <c r="D11" s="188" t="s">
        <v>2148</v>
      </c>
      <c r="E11" s="12">
        <v>9392226</v>
      </c>
      <c r="F11" s="16" t="s">
        <v>1214</v>
      </c>
      <c r="G11" s="24" t="s">
        <v>620</v>
      </c>
      <c r="H11" s="12" t="s">
        <v>118</v>
      </c>
      <c r="I11" s="12" t="s">
        <v>118</v>
      </c>
      <c r="J11" s="12" t="s">
        <v>518</v>
      </c>
      <c r="K11" s="12" t="s">
        <v>194</v>
      </c>
      <c r="L11" s="39">
        <v>41730</v>
      </c>
    </row>
    <row r="12" spans="1:12" ht="26.25" customHeight="1" x14ac:dyDescent="0.15">
      <c r="A12" s="9">
        <v>9</v>
      </c>
      <c r="B12" s="12">
        <v>1671500138</v>
      </c>
      <c r="C12" s="67" t="s">
        <v>559</v>
      </c>
      <c r="D12" s="16">
        <v>4</v>
      </c>
      <c r="E12" s="12">
        <v>9392201</v>
      </c>
      <c r="F12" s="16" t="s">
        <v>618</v>
      </c>
      <c r="G12" s="24" t="s">
        <v>620</v>
      </c>
      <c r="H12" s="12" t="s">
        <v>118</v>
      </c>
      <c r="I12" s="12" t="s">
        <v>118</v>
      </c>
      <c r="J12" s="12" t="s">
        <v>902</v>
      </c>
      <c r="K12" s="12" t="s">
        <v>170</v>
      </c>
      <c r="L12" s="39">
        <v>36570</v>
      </c>
    </row>
    <row r="13" spans="1:12" ht="26.25" customHeight="1" x14ac:dyDescent="0.15">
      <c r="A13" s="9">
        <v>10</v>
      </c>
      <c r="B13" s="12">
        <v>1671500187</v>
      </c>
      <c r="C13" s="67" t="s">
        <v>139</v>
      </c>
      <c r="D13" s="16">
        <v>12</v>
      </c>
      <c r="E13" s="12">
        <v>9301326</v>
      </c>
      <c r="F13" s="16" t="s">
        <v>1216</v>
      </c>
      <c r="G13" s="24" t="s">
        <v>723</v>
      </c>
      <c r="H13" s="12" t="s">
        <v>118</v>
      </c>
      <c r="I13" s="12" t="s">
        <v>118</v>
      </c>
      <c r="J13" s="12" t="s">
        <v>762</v>
      </c>
      <c r="K13" s="12" t="s">
        <v>672</v>
      </c>
      <c r="L13" s="39">
        <v>36570</v>
      </c>
    </row>
    <row r="14" spans="1:12" ht="26.25" customHeight="1" x14ac:dyDescent="0.15">
      <c r="A14" s="9">
        <v>11</v>
      </c>
      <c r="B14" s="12">
        <v>1671800140</v>
      </c>
      <c r="C14" s="67" t="s">
        <v>711</v>
      </c>
      <c r="D14" s="16">
        <v>20</v>
      </c>
      <c r="E14" s="12">
        <v>9392712</v>
      </c>
      <c r="F14" s="16" t="s">
        <v>490</v>
      </c>
      <c r="G14" s="24" t="s">
        <v>1161</v>
      </c>
      <c r="H14" s="12" t="s">
        <v>118</v>
      </c>
      <c r="I14" s="12" t="s">
        <v>118</v>
      </c>
      <c r="J14" s="12" t="s">
        <v>109</v>
      </c>
      <c r="K14" s="12" t="s">
        <v>23</v>
      </c>
      <c r="L14" s="39">
        <v>36570</v>
      </c>
    </row>
    <row r="15" spans="1:12" ht="26.25" customHeight="1" x14ac:dyDescent="0.15">
      <c r="A15" s="220">
        <v>12</v>
      </c>
      <c r="B15" s="12">
        <v>1670101011</v>
      </c>
      <c r="C15" s="67" t="s">
        <v>209</v>
      </c>
      <c r="D15" s="16">
        <v>19</v>
      </c>
      <c r="E15" s="12">
        <v>9318435</v>
      </c>
      <c r="F15" s="16" t="s">
        <v>1209</v>
      </c>
      <c r="G15" s="24" t="s">
        <v>1101</v>
      </c>
      <c r="H15" s="12" t="s">
        <v>118</v>
      </c>
      <c r="I15" s="12" t="s">
        <v>118</v>
      </c>
      <c r="J15" s="12" t="s">
        <v>717</v>
      </c>
      <c r="K15" s="12" t="s">
        <v>736</v>
      </c>
      <c r="L15" s="39">
        <v>36570</v>
      </c>
    </row>
    <row r="16" spans="1:12" ht="26.25" customHeight="1" x14ac:dyDescent="0.15">
      <c r="A16" s="221"/>
      <c r="B16" s="12">
        <v>1670101011</v>
      </c>
      <c r="C16" s="67" t="s">
        <v>209</v>
      </c>
      <c r="D16" s="188" t="s">
        <v>2148</v>
      </c>
      <c r="E16" s="12">
        <v>9318435</v>
      </c>
      <c r="F16" s="16" t="s">
        <v>1209</v>
      </c>
      <c r="G16" s="24" t="s">
        <v>1101</v>
      </c>
      <c r="H16" s="12" t="s">
        <v>118</v>
      </c>
      <c r="I16" s="12" t="s">
        <v>118</v>
      </c>
      <c r="J16" s="12" t="s">
        <v>717</v>
      </c>
      <c r="K16" s="12" t="s">
        <v>736</v>
      </c>
      <c r="L16" s="190">
        <v>43466</v>
      </c>
    </row>
    <row r="17" spans="1:12" ht="26.25" customHeight="1" x14ac:dyDescent="0.15">
      <c r="A17" s="9">
        <v>13</v>
      </c>
      <c r="B17" s="12">
        <v>1670101052</v>
      </c>
      <c r="C17" s="67" t="s">
        <v>400</v>
      </c>
      <c r="D17" s="16">
        <v>10</v>
      </c>
      <c r="E17" s="12">
        <v>9393515</v>
      </c>
      <c r="F17" s="16" t="s">
        <v>911</v>
      </c>
      <c r="G17" s="24" t="s">
        <v>822</v>
      </c>
      <c r="H17" s="12" t="s">
        <v>118</v>
      </c>
      <c r="I17" s="12" t="s">
        <v>118</v>
      </c>
      <c r="J17" s="12" t="s">
        <v>403</v>
      </c>
      <c r="K17" s="12" t="s">
        <v>94</v>
      </c>
      <c r="L17" s="39">
        <v>36570</v>
      </c>
    </row>
    <row r="18" spans="1:12" ht="26.25" customHeight="1" x14ac:dyDescent="0.15">
      <c r="A18" s="9">
        <v>14</v>
      </c>
      <c r="B18" s="12">
        <v>1670101078</v>
      </c>
      <c r="C18" s="67" t="s">
        <v>602</v>
      </c>
      <c r="D18" s="16">
        <v>10</v>
      </c>
      <c r="E18" s="12">
        <v>9302215</v>
      </c>
      <c r="F18" s="16" t="s">
        <v>1212</v>
      </c>
      <c r="G18" s="24" t="s">
        <v>970</v>
      </c>
      <c r="H18" s="12" t="s">
        <v>118</v>
      </c>
      <c r="I18" s="12" t="s">
        <v>118</v>
      </c>
      <c r="J18" s="12" t="s">
        <v>195</v>
      </c>
      <c r="K18" s="12" t="s">
        <v>200</v>
      </c>
      <c r="L18" s="39">
        <v>36570</v>
      </c>
    </row>
    <row r="19" spans="1:12" ht="26.25" customHeight="1" x14ac:dyDescent="0.15">
      <c r="A19" s="9">
        <v>15</v>
      </c>
      <c r="B19" s="12">
        <v>1670101086</v>
      </c>
      <c r="C19" s="67" t="s">
        <v>1300</v>
      </c>
      <c r="D19" s="16">
        <v>40</v>
      </c>
      <c r="E19" s="12">
        <v>9300173</v>
      </c>
      <c r="F19" s="16" t="s">
        <v>1299</v>
      </c>
      <c r="G19" s="24" t="s">
        <v>1253</v>
      </c>
      <c r="H19" s="12" t="s">
        <v>118</v>
      </c>
      <c r="I19" s="12" t="s">
        <v>118</v>
      </c>
      <c r="J19" s="12" t="s">
        <v>169</v>
      </c>
      <c r="K19" s="12" t="s">
        <v>1298</v>
      </c>
      <c r="L19" s="39">
        <v>41640</v>
      </c>
    </row>
    <row r="20" spans="1:12" ht="26.25" customHeight="1" x14ac:dyDescent="0.15">
      <c r="A20" s="9">
        <v>16</v>
      </c>
      <c r="B20" s="12">
        <v>1670101102</v>
      </c>
      <c r="C20" s="67" t="s">
        <v>1050</v>
      </c>
      <c r="D20" s="16">
        <v>11</v>
      </c>
      <c r="E20" s="12">
        <v>9302233</v>
      </c>
      <c r="F20" s="16" t="s">
        <v>545</v>
      </c>
      <c r="G20" s="24" t="s">
        <v>798</v>
      </c>
      <c r="H20" s="12" t="s">
        <v>118</v>
      </c>
      <c r="I20" s="12" t="s">
        <v>118</v>
      </c>
      <c r="J20" s="12" t="s">
        <v>255</v>
      </c>
      <c r="K20" s="12" t="s">
        <v>1051</v>
      </c>
      <c r="L20" s="39">
        <v>36593</v>
      </c>
    </row>
    <row r="21" spans="1:12" ht="26.25" customHeight="1" x14ac:dyDescent="0.15">
      <c r="A21" s="9">
        <v>17</v>
      </c>
      <c r="B21" s="12">
        <v>1671800348</v>
      </c>
      <c r="C21" s="67" t="s">
        <v>522</v>
      </c>
      <c r="D21" s="16">
        <v>20</v>
      </c>
      <c r="E21" s="12">
        <v>9392603</v>
      </c>
      <c r="F21" s="16" t="s">
        <v>1220</v>
      </c>
      <c r="G21" s="24" t="s">
        <v>1161</v>
      </c>
      <c r="H21" s="12" t="s">
        <v>118</v>
      </c>
      <c r="I21" s="12" t="s">
        <v>118</v>
      </c>
      <c r="J21" s="12" t="s">
        <v>678</v>
      </c>
      <c r="K21" s="12" t="s">
        <v>903</v>
      </c>
      <c r="L21" s="39">
        <v>37438</v>
      </c>
    </row>
    <row r="22" spans="1:12" ht="26.25" customHeight="1" x14ac:dyDescent="0.15">
      <c r="A22" s="9">
        <v>18</v>
      </c>
      <c r="B22" s="12">
        <v>1671800397</v>
      </c>
      <c r="C22" s="67" t="s">
        <v>114</v>
      </c>
      <c r="D22" s="16">
        <v>10</v>
      </c>
      <c r="E22" s="12">
        <v>9392362</v>
      </c>
      <c r="F22" s="16" t="s">
        <v>1235</v>
      </c>
      <c r="G22" s="24" t="s">
        <v>266</v>
      </c>
      <c r="H22" s="12" t="s">
        <v>118</v>
      </c>
      <c r="I22" s="12" t="s">
        <v>118</v>
      </c>
      <c r="J22" s="12" t="s">
        <v>78</v>
      </c>
      <c r="K22" s="12" t="s">
        <v>681</v>
      </c>
      <c r="L22" s="39">
        <v>37832</v>
      </c>
    </row>
    <row r="23" spans="1:12" ht="26.25" customHeight="1" x14ac:dyDescent="0.15">
      <c r="A23" s="9">
        <v>19</v>
      </c>
      <c r="B23" s="12">
        <v>1670102621</v>
      </c>
      <c r="C23" s="186" t="s">
        <v>153</v>
      </c>
      <c r="D23" s="16">
        <v>20</v>
      </c>
      <c r="E23" s="12">
        <v>9300802</v>
      </c>
      <c r="F23" s="16" t="s">
        <v>1001</v>
      </c>
      <c r="G23" s="24" t="s">
        <v>1156</v>
      </c>
      <c r="H23" s="12" t="s">
        <v>118</v>
      </c>
      <c r="I23" s="12" t="s">
        <v>118</v>
      </c>
      <c r="J23" s="12" t="s">
        <v>1031</v>
      </c>
      <c r="K23" s="12" t="s">
        <v>1032</v>
      </c>
      <c r="L23" s="39">
        <v>38078</v>
      </c>
    </row>
    <row r="24" spans="1:12" ht="26.25" customHeight="1" x14ac:dyDescent="0.15">
      <c r="A24" s="9">
        <v>20</v>
      </c>
      <c r="B24" s="12">
        <v>1670103819</v>
      </c>
      <c r="C24" s="67" t="s">
        <v>1781</v>
      </c>
      <c r="D24" s="16">
        <v>20</v>
      </c>
      <c r="E24" s="12">
        <v>9300166</v>
      </c>
      <c r="F24" s="16" t="s">
        <v>1132</v>
      </c>
      <c r="G24" s="24" t="s">
        <v>278</v>
      </c>
      <c r="H24" s="12" t="s">
        <v>118</v>
      </c>
      <c r="I24" s="12" t="s">
        <v>118</v>
      </c>
      <c r="J24" s="12" t="s">
        <v>544</v>
      </c>
      <c r="K24" s="12" t="s">
        <v>140</v>
      </c>
      <c r="L24" s="39">
        <v>38825</v>
      </c>
    </row>
    <row r="25" spans="1:12" ht="26.25" customHeight="1" x14ac:dyDescent="0.15">
      <c r="A25" s="9">
        <v>21</v>
      </c>
      <c r="B25" s="12">
        <v>1670111507</v>
      </c>
      <c r="C25" s="67" t="s">
        <v>336</v>
      </c>
      <c r="D25" s="16">
        <v>21</v>
      </c>
      <c r="E25" s="12">
        <v>9398185</v>
      </c>
      <c r="F25" s="16" t="s">
        <v>1229</v>
      </c>
      <c r="G25" s="24" t="s">
        <v>1163</v>
      </c>
      <c r="H25" s="12" t="s">
        <v>118</v>
      </c>
      <c r="I25" s="12" t="s">
        <v>118</v>
      </c>
      <c r="J25" s="12" t="s">
        <v>780</v>
      </c>
      <c r="K25" s="12" t="s">
        <v>1105</v>
      </c>
      <c r="L25" s="39">
        <v>40299</v>
      </c>
    </row>
    <row r="26" spans="1:12" ht="26.25" customHeight="1" x14ac:dyDescent="0.15">
      <c r="A26" s="9">
        <v>22</v>
      </c>
      <c r="B26" s="14">
        <v>1670111721</v>
      </c>
      <c r="C26" s="87" t="s">
        <v>890</v>
      </c>
      <c r="D26" s="16">
        <v>6</v>
      </c>
      <c r="E26" s="14">
        <v>9398202</v>
      </c>
      <c r="F26" s="69" t="s">
        <v>891</v>
      </c>
      <c r="G26" s="24" t="s">
        <v>796</v>
      </c>
      <c r="H26" s="12" t="s">
        <v>118</v>
      </c>
      <c r="I26" s="12" t="s">
        <v>118</v>
      </c>
      <c r="J26" s="14" t="s">
        <v>893</v>
      </c>
      <c r="K26" s="14" t="s">
        <v>663</v>
      </c>
      <c r="L26" s="39">
        <v>40634</v>
      </c>
    </row>
    <row r="27" spans="1:12" ht="26.25" customHeight="1" x14ac:dyDescent="0.15">
      <c r="A27" s="9">
        <v>23</v>
      </c>
      <c r="B27" s="14">
        <v>1670111754</v>
      </c>
      <c r="C27" s="87" t="s">
        <v>439</v>
      </c>
      <c r="D27" s="16">
        <v>10</v>
      </c>
      <c r="E27" s="14">
        <v>9318325</v>
      </c>
      <c r="F27" s="69" t="s">
        <v>443</v>
      </c>
      <c r="G27" s="24" t="s">
        <v>1175</v>
      </c>
      <c r="H27" s="12" t="s">
        <v>118</v>
      </c>
      <c r="I27" s="12" t="s">
        <v>118</v>
      </c>
      <c r="J27" s="14" t="s">
        <v>22</v>
      </c>
      <c r="K27" s="14" t="s">
        <v>125</v>
      </c>
      <c r="L27" s="39">
        <v>40664</v>
      </c>
    </row>
    <row r="28" spans="1:12" ht="26.25" customHeight="1" x14ac:dyDescent="0.15">
      <c r="A28" s="9">
        <v>24</v>
      </c>
      <c r="B28" s="14">
        <v>1670112471</v>
      </c>
      <c r="C28" s="67" t="s">
        <v>283</v>
      </c>
      <c r="D28" s="16">
        <v>48</v>
      </c>
      <c r="E28" s="14">
        <v>9300036</v>
      </c>
      <c r="F28" s="16" t="s">
        <v>1148</v>
      </c>
      <c r="G28" s="24" t="s">
        <v>1201</v>
      </c>
      <c r="H28" s="12" t="s">
        <v>118</v>
      </c>
      <c r="I28" s="12" t="s">
        <v>118</v>
      </c>
      <c r="J28" s="12" t="s">
        <v>168</v>
      </c>
      <c r="K28" s="12" t="s">
        <v>611</v>
      </c>
      <c r="L28" s="39">
        <v>41456</v>
      </c>
    </row>
    <row r="29" spans="1:12" ht="26.25" customHeight="1" x14ac:dyDescent="0.15">
      <c r="A29" s="220">
        <v>25</v>
      </c>
      <c r="B29" s="14">
        <v>1670112810</v>
      </c>
      <c r="C29" s="67" t="s">
        <v>789</v>
      </c>
      <c r="D29" s="16">
        <v>10</v>
      </c>
      <c r="E29" s="14">
        <v>9300992</v>
      </c>
      <c r="F29" s="16" t="s">
        <v>1314</v>
      </c>
      <c r="G29" s="24" t="s">
        <v>1180</v>
      </c>
      <c r="H29" s="12" t="s">
        <v>118</v>
      </c>
      <c r="I29" s="12" t="s">
        <v>118</v>
      </c>
      <c r="J29" s="12" t="s">
        <v>1310</v>
      </c>
      <c r="K29" s="12" t="s">
        <v>1309</v>
      </c>
      <c r="L29" s="39">
        <v>41730</v>
      </c>
    </row>
    <row r="30" spans="1:12" ht="26.25" customHeight="1" x14ac:dyDescent="0.15">
      <c r="A30" s="221"/>
      <c r="B30" s="14">
        <v>1670112810</v>
      </c>
      <c r="C30" s="67" t="s">
        <v>789</v>
      </c>
      <c r="D30" s="188" t="s">
        <v>2148</v>
      </c>
      <c r="E30" s="14">
        <v>9300992</v>
      </c>
      <c r="F30" s="16" t="s">
        <v>1314</v>
      </c>
      <c r="G30" s="24" t="s">
        <v>1180</v>
      </c>
      <c r="H30" s="12" t="s">
        <v>118</v>
      </c>
      <c r="I30" s="12" t="s">
        <v>118</v>
      </c>
      <c r="J30" s="12" t="s">
        <v>1310</v>
      </c>
      <c r="K30" s="12" t="s">
        <v>1309</v>
      </c>
      <c r="L30" s="39">
        <v>41730</v>
      </c>
    </row>
    <row r="31" spans="1:12" customFormat="1" ht="26.25" customHeight="1" x14ac:dyDescent="0.15">
      <c r="A31" s="220">
        <v>26</v>
      </c>
      <c r="B31" s="12">
        <v>1670112968</v>
      </c>
      <c r="C31" s="87" t="s">
        <v>16</v>
      </c>
      <c r="D31" s="188" t="s">
        <v>2148</v>
      </c>
      <c r="E31" s="14">
        <v>9398032</v>
      </c>
      <c r="F31" s="69" t="s">
        <v>259</v>
      </c>
      <c r="G31" s="24" t="s">
        <v>1162</v>
      </c>
      <c r="H31" s="12" t="s">
        <v>118</v>
      </c>
      <c r="I31" s="12" t="s">
        <v>118</v>
      </c>
      <c r="J31" s="14" t="s">
        <v>647</v>
      </c>
      <c r="K31" s="14" t="s">
        <v>1056</v>
      </c>
      <c r="L31" s="39">
        <v>41760</v>
      </c>
    </row>
    <row r="32" spans="1:12" customFormat="1" ht="26.25" customHeight="1" x14ac:dyDescent="0.15">
      <c r="A32" s="221"/>
      <c r="B32" s="13">
        <v>1670112968</v>
      </c>
      <c r="C32" s="187" t="s">
        <v>16</v>
      </c>
      <c r="D32" s="74">
        <v>3</v>
      </c>
      <c r="E32" s="144">
        <v>9398032</v>
      </c>
      <c r="F32" s="147" t="s">
        <v>259</v>
      </c>
      <c r="G32" s="25" t="s">
        <v>1162</v>
      </c>
      <c r="H32" s="12" t="s">
        <v>118</v>
      </c>
      <c r="I32" s="12" t="s">
        <v>118</v>
      </c>
      <c r="J32" s="144" t="s">
        <v>647</v>
      </c>
      <c r="K32" s="144" t="s">
        <v>1056</v>
      </c>
      <c r="L32" s="39">
        <v>41760</v>
      </c>
    </row>
    <row r="33" spans="1:12" customFormat="1" ht="26.25" customHeight="1" x14ac:dyDescent="0.15">
      <c r="A33" s="220">
        <v>27</v>
      </c>
      <c r="B33" s="13">
        <v>1670113784</v>
      </c>
      <c r="C33" s="147" t="s">
        <v>480</v>
      </c>
      <c r="D33" s="74">
        <v>9</v>
      </c>
      <c r="E33" s="144">
        <v>9398045</v>
      </c>
      <c r="F33" s="147" t="s">
        <v>1447</v>
      </c>
      <c r="G33" s="25" t="s">
        <v>1172</v>
      </c>
      <c r="H33" s="12" t="s">
        <v>118</v>
      </c>
      <c r="I33" s="12" t="s">
        <v>118</v>
      </c>
      <c r="J33" s="144" t="s">
        <v>1448</v>
      </c>
      <c r="K33" s="144" t="s">
        <v>1449</v>
      </c>
      <c r="L33" s="39">
        <v>42583</v>
      </c>
    </row>
    <row r="34" spans="1:12" customFormat="1" ht="26.25" customHeight="1" x14ac:dyDescent="0.15">
      <c r="A34" s="221"/>
      <c r="B34" s="13">
        <v>1670113784</v>
      </c>
      <c r="C34" s="147" t="s">
        <v>480</v>
      </c>
      <c r="D34" s="188" t="s">
        <v>2148</v>
      </c>
      <c r="E34" s="144">
        <v>9398045</v>
      </c>
      <c r="F34" s="147" t="s">
        <v>1447</v>
      </c>
      <c r="G34" s="25" t="s">
        <v>1172</v>
      </c>
      <c r="H34" s="12" t="s">
        <v>118</v>
      </c>
      <c r="I34" s="12" t="s">
        <v>118</v>
      </c>
      <c r="J34" s="144" t="s">
        <v>1448</v>
      </c>
      <c r="K34" s="144" t="s">
        <v>1449</v>
      </c>
      <c r="L34" s="39">
        <v>42583</v>
      </c>
    </row>
    <row r="35" spans="1:12" customFormat="1" ht="26.25" customHeight="1" x14ac:dyDescent="0.15">
      <c r="A35" s="9">
        <v>28</v>
      </c>
      <c r="B35" s="13">
        <v>1670113925</v>
      </c>
      <c r="C35" s="147" t="s">
        <v>1190</v>
      </c>
      <c r="D35" s="74">
        <v>21</v>
      </c>
      <c r="E35" s="144">
        <v>9392252</v>
      </c>
      <c r="F35" s="147" t="s">
        <v>1462</v>
      </c>
      <c r="G35" s="25" t="s">
        <v>1466</v>
      </c>
      <c r="H35" s="12" t="s">
        <v>118</v>
      </c>
      <c r="I35" s="12" t="s">
        <v>118</v>
      </c>
      <c r="J35" s="144" t="s">
        <v>1467</v>
      </c>
      <c r="K35" s="144" t="s">
        <v>1469</v>
      </c>
      <c r="L35" s="39">
        <v>42767</v>
      </c>
    </row>
    <row r="36" spans="1:12" customFormat="1" ht="26.25" customHeight="1" x14ac:dyDescent="0.15">
      <c r="A36" s="9">
        <v>29</v>
      </c>
      <c r="B36" s="12">
        <v>1670114154</v>
      </c>
      <c r="C36" s="16" t="s">
        <v>1454</v>
      </c>
      <c r="D36" s="188" t="s">
        <v>2148</v>
      </c>
      <c r="E36" s="12">
        <v>9393535</v>
      </c>
      <c r="F36" s="16" t="s">
        <v>1077</v>
      </c>
      <c r="G36" s="12" t="s">
        <v>1251</v>
      </c>
      <c r="H36" s="12" t="s">
        <v>118</v>
      </c>
      <c r="I36" s="12" t="s">
        <v>118</v>
      </c>
      <c r="J36" s="12" t="s">
        <v>293</v>
      </c>
      <c r="K36" s="12" t="s">
        <v>562</v>
      </c>
      <c r="L36" s="39">
        <v>42979</v>
      </c>
    </row>
    <row r="37" spans="1:12" customFormat="1" ht="26.25" customHeight="1" x14ac:dyDescent="0.15">
      <c r="A37" s="9">
        <v>30</v>
      </c>
      <c r="B37" s="12" t="s">
        <v>1508</v>
      </c>
      <c r="C37" s="16" t="s">
        <v>1509</v>
      </c>
      <c r="D37" s="16">
        <v>20</v>
      </c>
      <c r="E37" s="12" t="s">
        <v>1315</v>
      </c>
      <c r="F37" s="16" t="s">
        <v>1117</v>
      </c>
      <c r="G37" s="12" t="s">
        <v>1161</v>
      </c>
      <c r="H37" s="12" t="s">
        <v>118</v>
      </c>
      <c r="I37" s="12" t="s">
        <v>118</v>
      </c>
      <c r="J37" s="12" t="s">
        <v>440</v>
      </c>
      <c r="K37" s="12" t="s">
        <v>571</v>
      </c>
      <c r="L37" s="39">
        <v>43040</v>
      </c>
    </row>
    <row r="38" spans="1:12" customFormat="1" ht="26.25" customHeight="1" x14ac:dyDescent="0.15">
      <c r="A38" s="9">
        <v>31</v>
      </c>
      <c r="B38" s="12">
        <v>1670114261</v>
      </c>
      <c r="C38" s="16" t="s">
        <v>1472</v>
      </c>
      <c r="D38" s="16">
        <v>21</v>
      </c>
      <c r="E38" s="12" t="s">
        <v>161</v>
      </c>
      <c r="F38" s="16" t="s">
        <v>1519</v>
      </c>
      <c r="G38" s="12" t="s">
        <v>1161</v>
      </c>
      <c r="H38" s="12" t="s">
        <v>118</v>
      </c>
      <c r="I38" s="12" t="s">
        <v>118</v>
      </c>
      <c r="J38" s="189" t="s">
        <v>36</v>
      </c>
      <c r="K38" s="12" t="s">
        <v>886</v>
      </c>
      <c r="L38" s="39">
        <v>43132</v>
      </c>
    </row>
    <row r="39" spans="1:12" customFormat="1" ht="26.25" customHeight="1" x14ac:dyDescent="0.15">
      <c r="A39" s="9">
        <v>32</v>
      </c>
      <c r="B39" s="13" t="s">
        <v>1683</v>
      </c>
      <c r="C39" s="17" t="s">
        <v>1496</v>
      </c>
      <c r="D39" s="188" t="s">
        <v>2148</v>
      </c>
      <c r="E39" s="13" t="s">
        <v>1292</v>
      </c>
      <c r="F39" s="17" t="s">
        <v>296</v>
      </c>
      <c r="G39" s="13" t="s">
        <v>620</v>
      </c>
      <c r="H39" s="13" t="s">
        <v>118</v>
      </c>
      <c r="I39" s="13" t="s">
        <v>118</v>
      </c>
      <c r="J39" s="12" t="s">
        <v>518</v>
      </c>
      <c r="K39" s="13" t="s">
        <v>1329</v>
      </c>
      <c r="L39" s="50">
        <v>43435</v>
      </c>
    </row>
    <row r="40" spans="1:12" customFormat="1" ht="26.25" customHeight="1" x14ac:dyDescent="0.15">
      <c r="A40" s="9">
        <v>33</v>
      </c>
      <c r="B40" s="13">
        <v>1670114659</v>
      </c>
      <c r="C40" s="17" t="s">
        <v>1715</v>
      </c>
      <c r="D40" s="16">
        <v>20</v>
      </c>
      <c r="E40" s="13">
        <v>9300903</v>
      </c>
      <c r="F40" s="17" t="s">
        <v>1093</v>
      </c>
      <c r="G40" s="13" t="s">
        <v>1192</v>
      </c>
      <c r="H40" s="13" t="s">
        <v>118</v>
      </c>
      <c r="I40" s="13" t="s">
        <v>118</v>
      </c>
      <c r="J40" s="12" t="s">
        <v>783</v>
      </c>
      <c r="K40" s="13" t="s">
        <v>781</v>
      </c>
      <c r="L40" s="50">
        <v>43617</v>
      </c>
    </row>
    <row r="41" spans="1:12" ht="26.25" customHeight="1" x14ac:dyDescent="0.15">
      <c r="A41" s="9">
        <v>34</v>
      </c>
      <c r="B41" s="12">
        <v>1670103306</v>
      </c>
      <c r="C41" s="16" t="s">
        <v>1745</v>
      </c>
      <c r="D41" s="16">
        <v>10</v>
      </c>
      <c r="E41" s="12">
        <v>9398055</v>
      </c>
      <c r="F41" s="16" t="s">
        <v>899</v>
      </c>
      <c r="G41" s="24" t="s">
        <v>1172</v>
      </c>
      <c r="H41" s="12" t="s">
        <v>118</v>
      </c>
      <c r="I41" s="12" t="s">
        <v>118</v>
      </c>
      <c r="J41" s="12" t="s">
        <v>35</v>
      </c>
      <c r="K41" s="12" t="s">
        <v>166</v>
      </c>
      <c r="L41" s="39">
        <v>38596</v>
      </c>
    </row>
    <row r="42" spans="1:12" ht="26.25" customHeight="1" x14ac:dyDescent="0.15">
      <c r="A42" s="9">
        <v>35</v>
      </c>
      <c r="B42" s="12">
        <v>1670115235</v>
      </c>
      <c r="C42" s="16" t="s">
        <v>1878</v>
      </c>
      <c r="D42" s="16">
        <v>46</v>
      </c>
      <c r="E42" s="12">
        <v>9392756</v>
      </c>
      <c r="F42" s="16" t="s">
        <v>1879</v>
      </c>
      <c r="G42" s="24" t="s">
        <v>1161</v>
      </c>
      <c r="H42" s="12" t="s">
        <v>118</v>
      </c>
      <c r="I42" s="12" t="s">
        <v>118</v>
      </c>
      <c r="J42" s="12" t="s">
        <v>1880</v>
      </c>
      <c r="K42" s="12" t="s">
        <v>605</v>
      </c>
      <c r="L42" s="138">
        <v>44866</v>
      </c>
    </row>
    <row r="43" spans="1:12" ht="26.25" customHeight="1" x14ac:dyDescent="0.15">
      <c r="A43" s="10"/>
      <c r="B43" s="15"/>
      <c r="C43" s="19" t="s">
        <v>967</v>
      </c>
      <c r="D43" s="15">
        <f>SUM(D2:D42)</f>
        <v>566</v>
      </c>
      <c r="E43" s="15"/>
      <c r="F43" s="15"/>
      <c r="G43" s="15"/>
      <c r="H43" s="15"/>
      <c r="I43" s="15"/>
      <c r="J43" s="28"/>
      <c r="K43" s="28"/>
      <c r="L43" s="40"/>
    </row>
    <row r="44" spans="1:12" ht="15" customHeight="1" x14ac:dyDescent="0.15">
      <c r="C44" s="44"/>
    </row>
    <row r="45" spans="1:12" ht="15" customHeight="1" x14ac:dyDescent="0.15">
      <c r="C45" s="44"/>
    </row>
    <row r="46" spans="1:12" ht="15" customHeight="1" x14ac:dyDescent="0.15">
      <c r="C46" s="1" t="s">
        <v>20</v>
      </c>
    </row>
    <row r="47" spans="1:12" s="44" customFormat="1" ht="37.5" customHeight="1" x14ac:dyDescent="0.15">
      <c r="A47" s="184"/>
      <c r="B47" s="185" t="s">
        <v>285</v>
      </c>
      <c r="C47" s="185" t="s">
        <v>530</v>
      </c>
      <c r="D47" s="185" t="s">
        <v>838</v>
      </c>
      <c r="E47" s="11" t="s">
        <v>828</v>
      </c>
      <c r="F47" s="185" t="s">
        <v>830</v>
      </c>
      <c r="G47" s="185" t="s">
        <v>1242</v>
      </c>
      <c r="H47" s="11" t="s">
        <v>406</v>
      </c>
      <c r="I47" s="11" t="s">
        <v>772</v>
      </c>
      <c r="J47" s="185" t="s">
        <v>832</v>
      </c>
      <c r="K47" s="185" t="s">
        <v>835</v>
      </c>
      <c r="L47" s="191" t="s">
        <v>182</v>
      </c>
    </row>
    <row r="48" spans="1:12" ht="26.25" customHeight="1" x14ac:dyDescent="0.15">
      <c r="A48" s="9">
        <v>1</v>
      </c>
      <c r="B48" s="12">
        <v>1680100151</v>
      </c>
      <c r="C48" s="186" t="s">
        <v>1490</v>
      </c>
      <c r="D48" s="16">
        <v>19</v>
      </c>
      <c r="E48" s="12">
        <v>9300921</v>
      </c>
      <c r="F48" s="16" t="s">
        <v>1238</v>
      </c>
      <c r="G48" s="24" t="s">
        <v>791</v>
      </c>
      <c r="H48" s="12" t="s">
        <v>118</v>
      </c>
      <c r="I48" s="12" t="s">
        <v>118</v>
      </c>
      <c r="J48" s="12" t="s">
        <v>328</v>
      </c>
      <c r="K48" s="12" t="s">
        <v>98</v>
      </c>
      <c r="L48" s="39">
        <v>37894</v>
      </c>
    </row>
    <row r="49" spans="1:12" ht="26.25" customHeight="1" x14ac:dyDescent="0.15">
      <c r="A49" s="9">
        <v>2</v>
      </c>
      <c r="B49" s="12">
        <v>1680100284</v>
      </c>
      <c r="C49" s="67" t="s">
        <v>673</v>
      </c>
      <c r="D49" s="16">
        <v>4</v>
      </c>
      <c r="E49" s="12">
        <v>9318336</v>
      </c>
      <c r="F49" s="16" t="s">
        <v>921</v>
      </c>
      <c r="G49" s="24" t="s">
        <v>658</v>
      </c>
      <c r="H49" s="12" t="s">
        <v>118</v>
      </c>
      <c r="I49" s="12" t="s">
        <v>118</v>
      </c>
      <c r="J49" s="12" t="s">
        <v>671</v>
      </c>
      <c r="K49" s="12" t="s">
        <v>596</v>
      </c>
      <c r="L49" s="39">
        <v>39539</v>
      </c>
    </row>
    <row r="50" spans="1:12" ht="26.25" customHeight="1" x14ac:dyDescent="0.15">
      <c r="A50" s="9">
        <v>3</v>
      </c>
      <c r="B50" s="12">
        <v>1680100169</v>
      </c>
      <c r="C50" s="186" t="s">
        <v>85</v>
      </c>
      <c r="D50" s="16">
        <v>4</v>
      </c>
      <c r="E50" s="12">
        <v>9300115</v>
      </c>
      <c r="F50" s="16" t="s">
        <v>859</v>
      </c>
      <c r="G50" s="24" t="s">
        <v>55</v>
      </c>
      <c r="H50" s="12" t="s">
        <v>118</v>
      </c>
      <c r="I50" s="12" t="s">
        <v>118</v>
      </c>
      <c r="J50" s="12" t="s">
        <v>718</v>
      </c>
      <c r="K50" s="12" t="s">
        <v>861</v>
      </c>
      <c r="L50" s="39">
        <v>38108</v>
      </c>
    </row>
    <row r="51" spans="1:12" ht="26.25" customHeight="1" x14ac:dyDescent="0.15">
      <c r="A51" s="9">
        <v>4</v>
      </c>
      <c r="B51" s="12">
        <v>1680100235</v>
      </c>
      <c r="C51" s="67" t="s">
        <v>1237</v>
      </c>
      <c r="D51" s="16">
        <v>5</v>
      </c>
      <c r="E51" s="12">
        <v>9318423</v>
      </c>
      <c r="F51" s="16" t="s">
        <v>185</v>
      </c>
      <c r="G51" s="24" t="s">
        <v>1101</v>
      </c>
      <c r="H51" s="12" t="s">
        <v>118</v>
      </c>
      <c r="I51" s="12" t="s">
        <v>118</v>
      </c>
      <c r="J51" s="12" t="s">
        <v>246</v>
      </c>
      <c r="K51" s="12" t="s">
        <v>180</v>
      </c>
      <c r="L51" s="39">
        <v>39114</v>
      </c>
    </row>
    <row r="52" spans="1:12" ht="26.25" customHeight="1" x14ac:dyDescent="0.15">
      <c r="A52" s="9">
        <v>5</v>
      </c>
      <c r="B52" s="12">
        <v>1680100037</v>
      </c>
      <c r="C52" s="67" t="s">
        <v>1236</v>
      </c>
      <c r="D52" s="16">
        <v>4</v>
      </c>
      <c r="E52" s="12">
        <v>9393515</v>
      </c>
      <c r="F52" s="16" t="s">
        <v>644</v>
      </c>
      <c r="G52" s="24" t="s">
        <v>822</v>
      </c>
      <c r="H52" s="12" t="s">
        <v>118</v>
      </c>
      <c r="I52" s="12" t="s">
        <v>118</v>
      </c>
      <c r="J52" s="12" t="s">
        <v>880</v>
      </c>
      <c r="K52" s="12" t="s">
        <v>215</v>
      </c>
      <c r="L52" s="39">
        <v>36617</v>
      </c>
    </row>
    <row r="53" spans="1:12" ht="26.25" customHeight="1" x14ac:dyDescent="0.15">
      <c r="A53" s="9">
        <v>6</v>
      </c>
      <c r="B53" s="12">
        <v>1680100243</v>
      </c>
      <c r="C53" s="67" t="s">
        <v>256</v>
      </c>
      <c r="D53" s="16">
        <v>15</v>
      </c>
      <c r="E53" s="12">
        <v>9302243</v>
      </c>
      <c r="F53" s="16" t="s">
        <v>2</v>
      </c>
      <c r="G53" s="24" t="s">
        <v>1183</v>
      </c>
      <c r="H53" s="12" t="s">
        <v>118</v>
      </c>
      <c r="I53" s="12" t="s">
        <v>118</v>
      </c>
      <c r="J53" s="12" t="s">
        <v>71</v>
      </c>
      <c r="K53" s="12" t="s">
        <v>65</v>
      </c>
      <c r="L53" s="39">
        <v>39173</v>
      </c>
    </row>
    <row r="54" spans="1:12" ht="26.25" customHeight="1" x14ac:dyDescent="0.15">
      <c r="A54" s="9">
        <v>7</v>
      </c>
      <c r="B54" s="12">
        <v>1680100292</v>
      </c>
      <c r="C54" s="67" t="s">
        <v>941</v>
      </c>
      <c r="D54" s="16">
        <v>4</v>
      </c>
      <c r="E54" s="12">
        <v>9398035</v>
      </c>
      <c r="F54" s="16" t="s">
        <v>944</v>
      </c>
      <c r="G54" s="24" t="s">
        <v>1159</v>
      </c>
      <c r="H54" s="12" t="s">
        <v>118</v>
      </c>
      <c r="I54" s="12" t="s">
        <v>118</v>
      </c>
      <c r="J54" s="12" t="s">
        <v>292</v>
      </c>
      <c r="K54" s="12" t="s">
        <v>471</v>
      </c>
      <c r="L54" s="39">
        <v>40057</v>
      </c>
    </row>
    <row r="55" spans="1:12" ht="26.25" customHeight="1" x14ac:dyDescent="0.15">
      <c r="A55" s="9">
        <v>8</v>
      </c>
      <c r="B55" s="12">
        <v>1680100300</v>
      </c>
      <c r="C55" s="16" t="s">
        <v>1514</v>
      </c>
      <c r="D55" s="16">
        <v>6</v>
      </c>
      <c r="E55" s="12">
        <v>9300922</v>
      </c>
      <c r="F55" s="16" t="s">
        <v>773</v>
      </c>
      <c r="G55" s="24" t="s">
        <v>791</v>
      </c>
      <c r="H55" s="12" t="s">
        <v>118</v>
      </c>
      <c r="I55" s="12" t="s">
        <v>118</v>
      </c>
      <c r="J55" s="12" t="s">
        <v>674</v>
      </c>
      <c r="K55" s="12" t="s">
        <v>771</v>
      </c>
      <c r="L55" s="39">
        <v>40238</v>
      </c>
    </row>
    <row r="56" spans="1:12" customFormat="1" ht="26.25" customHeight="1" x14ac:dyDescent="0.15">
      <c r="A56" s="9">
        <v>9</v>
      </c>
      <c r="B56" s="12">
        <v>1680100334</v>
      </c>
      <c r="C56" s="87" t="s">
        <v>946</v>
      </c>
      <c r="D56" s="69">
        <v>5</v>
      </c>
      <c r="E56" s="14" t="s">
        <v>240</v>
      </c>
      <c r="F56" s="69" t="s">
        <v>1153</v>
      </c>
      <c r="G56" s="24" t="s">
        <v>983</v>
      </c>
      <c r="H56" s="12" t="s">
        <v>118</v>
      </c>
      <c r="I56" s="12" t="s">
        <v>118</v>
      </c>
      <c r="J56" s="14" t="s">
        <v>787</v>
      </c>
      <c r="K56" s="14" t="s">
        <v>956</v>
      </c>
      <c r="L56" s="39">
        <v>41306</v>
      </c>
    </row>
    <row r="57" spans="1:12" customFormat="1" ht="26.25" customHeight="1" x14ac:dyDescent="0.15">
      <c r="A57" s="9">
        <v>10</v>
      </c>
      <c r="B57" s="13">
        <v>1680100359</v>
      </c>
      <c r="C57" s="88" t="s">
        <v>1194</v>
      </c>
      <c r="D57" s="147">
        <v>3</v>
      </c>
      <c r="E57" s="144">
        <v>9300928</v>
      </c>
      <c r="F57" s="17" t="s">
        <v>810</v>
      </c>
      <c r="G57" s="25" t="s">
        <v>1363</v>
      </c>
      <c r="H57" s="12" t="s">
        <v>118</v>
      </c>
      <c r="I57" s="12" t="s">
        <v>118</v>
      </c>
      <c r="J57" s="13" t="s">
        <v>449</v>
      </c>
      <c r="K57" s="13" t="s">
        <v>29</v>
      </c>
      <c r="L57" s="50">
        <v>41944</v>
      </c>
    </row>
    <row r="58" spans="1:12" customFormat="1" ht="26.25" customHeight="1" x14ac:dyDescent="0.15">
      <c r="A58" s="9">
        <v>11</v>
      </c>
      <c r="B58" s="13">
        <v>1680100391</v>
      </c>
      <c r="C58" s="17" t="s">
        <v>1935</v>
      </c>
      <c r="D58" s="147">
        <v>9</v>
      </c>
      <c r="E58" s="144" t="s">
        <v>1401</v>
      </c>
      <c r="F58" s="17" t="s">
        <v>263</v>
      </c>
      <c r="G58" s="25" t="s">
        <v>1936</v>
      </c>
      <c r="H58" s="13" t="s">
        <v>118</v>
      </c>
      <c r="I58" s="13" t="s">
        <v>118</v>
      </c>
      <c r="J58" s="25" t="s">
        <v>526</v>
      </c>
      <c r="K58" s="13" t="s">
        <v>112</v>
      </c>
      <c r="L58" s="50">
        <v>45383</v>
      </c>
    </row>
    <row r="59" spans="1:12" ht="26.25" customHeight="1" x14ac:dyDescent="0.15">
      <c r="A59" s="10"/>
      <c r="B59" s="15"/>
      <c r="C59" s="19" t="s">
        <v>967</v>
      </c>
      <c r="D59" s="15">
        <f>SUM(D48:D58)</f>
        <v>78</v>
      </c>
      <c r="E59" s="15"/>
      <c r="F59" s="15"/>
      <c r="G59" s="15"/>
      <c r="H59" s="19"/>
      <c r="I59" s="19"/>
      <c r="J59" s="28"/>
      <c r="K59" s="28"/>
      <c r="L59" s="40"/>
    </row>
    <row r="60" spans="1:12" ht="15" customHeight="1" x14ac:dyDescent="0.15">
      <c r="H60" s="44"/>
      <c r="I60" s="44"/>
    </row>
  </sheetData>
  <mergeCells count="6">
    <mergeCell ref="A33:A34"/>
    <mergeCell ref="A3:A4"/>
    <mergeCell ref="A10:A11"/>
    <mergeCell ref="A15:A16"/>
    <mergeCell ref="A29:A30"/>
    <mergeCell ref="A31:A32"/>
  </mergeCells>
  <phoneticPr fontId="5"/>
  <printOptions horizontalCentered="1" gridLines="1"/>
  <pageMargins left="0.74803149606299213" right="0.39370078740157483" top="0.86614173228346458" bottom="0.39370078740157483" header="0.51181102362204722" footer="0.19685039370078741"/>
  <pageSetup paperSize="9" scale="80" orientation="landscape" r:id="rId1"/>
  <headerFooter alignWithMargins="0">
    <oddHeader>&amp;C&amp;14短期入所生活介護事業所一覧</oddHeader>
    <oddFooter>&amp;C&amp;P&amp;R(&amp;A)</oddFooter>
  </headerFooter>
  <rowBreaks count="1" manualBreakCount="1">
    <brk id="23" max="11" man="1"/>
  </rowBreaks>
  <ignoredErrors>
    <ignoredError sqref="B37:B39 E38:E39 E56:E58" numberStoredAsText="1"/>
  </ignoredError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24">
    <tabColor theme="9"/>
  </sheetPr>
  <dimension ref="A1:K7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8.625" style="1" customWidth="1"/>
    <col min="4" max="4" width="10.625" style="1" customWidth="1"/>
    <col min="5" max="5" width="31.625" style="1" customWidth="1"/>
    <col min="6" max="6" width="10.625" style="44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8"/>
      <c r="B1" s="11" t="s">
        <v>285</v>
      </c>
      <c r="C1" s="11" t="s">
        <v>530</v>
      </c>
      <c r="D1" s="38" t="s">
        <v>1866</v>
      </c>
      <c r="E1" s="11" t="s">
        <v>830</v>
      </c>
      <c r="F1" s="11" t="s">
        <v>1242</v>
      </c>
      <c r="G1" s="11" t="s">
        <v>406</v>
      </c>
      <c r="H1" s="11" t="s">
        <v>772</v>
      </c>
      <c r="I1" s="11" t="s">
        <v>832</v>
      </c>
      <c r="J1" s="143" t="s">
        <v>1726</v>
      </c>
      <c r="K1" s="29" t="s">
        <v>182</v>
      </c>
    </row>
    <row r="2" spans="1:11" ht="26.25" customHeight="1" x14ac:dyDescent="0.15">
      <c r="A2" s="9">
        <v>1</v>
      </c>
      <c r="B2" s="12">
        <v>1670101441</v>
      </c>
      <c r="C2" s="67" t="s">
        <v>220</v>
      </c>
      <c r="D2" s="12">
        <v>9300085</v>
      </c>
      <c r="E2" s="16" t="s">
        <v>962</v>
      </c>
      <c r="F2" s="24" t="s">
        <v>1254</v>
      </c>
      <c r="G2" s="12" t="s">
        <v>118</v>
      </c>
      <c r="H2" s="12" t="s">
        <v>118</v>
      </c>
      <c r="I2" s="12" t="s">
        <v>763</v>
      </c>
      <c r="J2" s="12" t="s">
        <v>334</v>
      </c>
      <c r="K2" s="39">
        <v>36617</v>
      </c>
    </row>
    <row r="3" spans="1:11" ht="26.25" customHeight="1" x14ac:dyDescent="0.15">
      <c r="A3" s="9">
        <v>2</v>
      </c>
      <c r="B3" s="12">
        <v>1670101482</v>
      </c>
      <c r="C3" s="67" t="s">
        <v>103</v>
      </c>
      <c r="D3" s="12">
        <v>9300974</v>
      </c>
      <c r="E3" s="16" t="s">
        <v>1307</v>
      </c>
      <c r="F3" s="24" t="s">
        <v>1151</v>
      </c>
      <c r="G3" s="12" t="s">
        <v>118</v>
      </c>
      <c r="H3" s="12" t="s">
        <v>118</v>
      </c>
      <c r="I3" s="12" t="s">
        <v>1074</v>
      </c>
      <c r="J3" s="12" t="s">
        <v>417</v>
      </c>
      <c r="K3" s="39">
        <v>36617</v>
      </c>
    </row>
    <row r="4" spans="1:11" ht="26.25" customHeight="1" x14ac:dyDescent="0.15">
      <c r="A4" s="9">
        <v>3</v>
      </c>
      <c r="B4" s="12">
        <v>1670101458</v>
      </c>
      <c r="C4" s="67" t="s">
        <v>469</v>
      </c>
      <c r="D4" s="12">
        <v>9398183</v>
      </c>
      <c r="E4" s="16" t="s">
        <v>1042</v>
      </c>
      <c r="F4" s="24" t="s">
        <v>1165</v>
      </c>
      <c r="G4" s="12" t="s">
        <v>118</v>
      </c>
      <c r="H4" s="12" t="s">
        <v>118</v>
      </c>
      <c r="I4" s="12" t="s">
        <v>387</v>
      </c>
      <c r="J4" s="12" t="s">
        <v>389</v>
      </c>
      <c r="K4" s="39">
        <v>36617</v>
      </c>
    </row>
    <row r="5" spans="1:11" ht="26.25" customHeight="1" x14ac:dyDescent="0.15">
      <c r="A5" s="9">
        <v>4</v>
      </c>
      <c r="B5" s="12">
        <v>1670101508</v>
      </c>
      <c r="C5" s="67" t="s">
        <v>981</v>
      </c>
      <c r="D5" s="12">
        <v>9393535</v>
      </c>
      <c r="E5" s="16" t="s">
        <v>462</v>
      </c>
      <c r="F5" s="24" t="s">
        <v>760</v>
      </c>
      <c r="G5" s="12" t="s">
        <v>118</v>
      </c>
      <c r="H5" s="12" t="s">
        <v>118</v>
      </c>
      <c r="I5" s="12" t="s">
        <v>160</v>
      </c>
      <c r="J5" s="12" t="s">
        <v>271</v>
      </c>
      <c r="K5" s="39">
        <v>36617</v>
      </c>
    </row>
    <row r="6" spans="1:11" ht="26.25" customHeight="1" x14ac:dyDescent="0.15">
      <c r="A6" s="9">
        <v>5</v>
      </c>
      <c r="B6" s="12">
        <v>1670101706</v>
      </c>
      <c r="C6" s="67" t="s">
        <v>742</v>
      </c>
      <c r="D6" s="12">
        <v>9398252</v>
      </c>
      <c r="E6" s="16" t="s">
        <v>1525</v>
      </c>
      <c r="F6" s="24" t="s">
        <v>748</v>
      </c>
      <c r="G6" s="12" t="s">
        <v>118</v>
      </c>
      <c r="H6" s="12" t="s">
        <v>118</v>
      </c>
      <c r="I6" s="12" t="s">
        <v>561</v>
      </c>
      <c r="J6" s="12" t="s">
        <v>290</v>
      </c>
      <c r="K6" s="39">
        <v>36983</v>
      </c>
    </row>
    <row r="7" spans="1:11" ht="26.25" customHeight="1" x14ac:dyDescent="0.15">
      <c r="A7" s="10">
        <v>6</v>
      </c>
      <c r="B7" s="19">
        <v>1670101136</v>
      </c>
      <c r="C7" s="116" t="s">
        <v>377</v>
      </c>
      <c r="D7" s="19">
        <v>9398138</v>
      </c>
      <c r="E7" s="15" t="s">
        <v>937</v>
      </c>
      <c r="F7" s="26" t="s">
        <v>227</v>
      </c>
      <c r="G7" s="19" t="s">
        <v>118</v>
      </c>
      <c r="H7" s="19" t="s">
        <v>118</v>
      </c>
      <c r="I7" s="19" t="s">
        <v>380</v>
      </c>
      <c r="J7" s="19" t="s">
        <v>415</v>
      </c>
      <c r="K7" s="40">
        <v>36617</v>
      </c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85" orientation="landscape" r:id="rId1"/>
  <headerFooter alignWithMargins="0">
    <oddHeader>&amp;C&amp;14短期入所療養介護事業所一覧</oddHeader>
    <oddFooter>&amp;C&amp;P&amp;R(&amp;A)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30">
    <tabColor theme="9"/>
    <pageSetUpPr fitToPage="1"/>
  </sheetPr>
  <dimension ref="A1:M9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25.625" style="1" customWidth="1"/>
    <col min="4" max="4" width="7.625" style="1" customWidth="1"/>
    <col min="5" max="5" width="10.625" style="1" customWidth="1"/>
    <col min="6" max="6" width="31.625" style="1" customWidth="1"/>
    <col min="7" max="7" width="10.625" style="1" customWidth="1"/>
    <col min="8" max="9" width="9.625" style="1" customWidth="1"/>
    <col min="10" max="11" width="15.625" style="1" customWidth="1"/>
    <col min="12" max="12" width="9.625" style="37" customWidth="1"/>
    <col min="13" max="16384" width="9" style="1"/>
  </cols>
  <sheetData>
    <row r="1" spans="1:13" s="5" customFormat="1" ht="36.950000000000003" customHeight="1" x14ac:dyDescent="0.15">
      <c r="A1" s="8"/>
      <c r="B1" s="11" t="s">
        <v>285</v>
      </c>
      <c r="C1" s="11" t="s">
        <v>530</v>
      </c>
      <c r="D1" s="11" t="s">
        <v>838</v>
      </c>
      <c r="E1" s="38" t="s">
        <v>1866</v>
      </c>
      <c r="F1" s="11" t="s">
        <v>830</v>
      </c>
      <c r="G1" s="11" t="s">
        <v>1155</v>
      </c>
      <c r="H1" s="11" t="s">
        <v>406</v>
      </c>
      <c r="I1" s="11" t="s">
        <v>772</v>
      </c>
      <c r="J1" s="11" t="s">
        <v>832</v>
      </c>
      <c r="K1" s="143" t="s">
        <v>1726</v>
      </c>
      <c r="L1" s="29" t="s">
        <v>182</v>
      </c>
    </row>
    <row r="2" spans="1:13" ht="26.25" customHeight="1" x14ac:dyDescent="0.15">
      <c r="A2" s="9">
        <v>1</v>
      </c>
      <c r="B2" s="12">
        <v>1670104163</v>
      </c>
      <c r="C2" s="16" t="s">
        <v>451</v>
      </c>
      <c r="D2" s="16">
        <v>20</v>
      </c>
      <c r="E2" s="12">
        <v>9300085</v>
      </c>
      <c r="F2" s="16" t="s">
        <v>54</v>
      </c>
      <c r="G2" s="12" t="s">
        <v>549</v>
      </c>
      <c r="H2" s="12" t="s">
        <v>118</v>
      </c>
      <c r="I2" s="12" t="s">
        <v>118</v>
      </c>
      <c r="J2" s="12" t="s">
        <v>496</v>
      </c>
      <c r="K2" s="12" t="s">
        <v>601</v>
      </c>
      <c r="L2" s="39">
        <v>39083</v>
      </c>
    </row>
    <row r="3" spans="1:13" ht="26.25" customHeight="1" x14ac:dyDescent="0.15">
      <c r="A3" s="9">
        <v>2</v>
      </c>
      <c r="B3" s="12">
        <v>1670112281</v>
      </c>
      <c r="C3" s="16" t="s">
        <v>1133</v>
      </c>
      <c r="D3" s="16">
        <v>36</v>
      </c>
      <c r="E3" s="12">
        <v>9398045</v>
      </c>
      <c r="F3" s="16" t="s">
        <v>1136</v>
      </c>
      <c r="G3" s="12" t="s">
        <v>1172</v>
      </c>
      <c r="H3" s="12" t="s">
        <v>118</v>
      </c>
      <c r="I3" s="12" t="s">
        <v>452</v>
      </c>
      <c r="J3" s="12" t="s">
        <v>1137</v>
      </c>
      <c r="K3" s="12" t="s">
        <v>1139</v>
      </c>
      <c r="L3" s="39">
        <v>41365</v>
      </c>
    </row>
    <row r="4" spans="1:13" ht="26.25" customHeight="1" x14ac:dyDescent="0.15">
      <c r="A4" s="41">
        <v>3</v>
      </c>
      <c r="B4" s="13">
        <v>1670113818</v>
      </c>
      <c r="C4" s="17" t="s">
        <v>1488</v>
      </c>
      <c r="D4" s="17">
        <v>24</v>
      </c>
      <c r="E4" s="13">
        <v>9392231</v>
      </c>
      <c r="F4" s="17" t="s">
        <v>1457</v>
      </c>
      <c r="G4" s="13" t="s">
        <v>620</v>
      </c>
      <c r="H4" s="13" t="s">
        <v>118</v>
      </c>
      <c r="I4" s="13" t="s">
        <v>118</v>
      </c>
      <c r="J4" s="13" t="s">
        <v>775</v>
      </c>
      <c r="K4" s="13" t="s">
        <v>786</v>
      </c>
      <c r="L4" s="50">
        <v>42644</v>
      </c>
    </row>
    <row r="5" spans="1:13" ht="26.25" customHeight="1" x14ac:dyDescent="0.15">
      <c r="A5" s="9">
        <v>4</v>
      </c>
      <c r="B5" s="12">
        <v>1670114071</v>
      </c>
      <c r="C5" s="16" t="s">
        <v>1478</v>
      </c>
      <c r="D5" s="16">
        <v>30</v>
      </c>
      <c r="E5" s="12">
        <v>9300137</v>
      </c>
      <c r="F5" s="16" t="s">
        <v>1090</v>
      </c>
      <c r="G5" s="12" t="s">
        <v>55</v>
      </c>
      <c r="H5" s="12" t="s">
        <v>118</v>
      </c>
      <c r="I5" s="12" t="s">
        <v>452</v>
      </c>
      <c r="J5" s="12" t="s">
        <v>635</v>
      </c>
      <c r="K5" s="12" t="s">
        <v>1479</v>
      </c>
      <c r="L5" s="39">
        <v>42856</v>
      </c>
    </row>
    <row r="6" spans="1:13" ht="26.25" customHeight="1" x14ac:dyDescent="0.15">
      <c r="A6" s="9">
        <v>5</v>
      </c>
      <c r="B6" s="12">
        <v>1670114162</v>
      </c>
      <c r="C6" s="16" t="s">
        <v>1503</v>
      </c>
      <c r="D6" s="16">
        <v>27</v>
      </c>
      <c r="E6" s="12">
        <v>9300085</v>
      </c>
      <c r="F6" s="16" t="s">
        <v>788</v>
      </c>
      <c r="G6" s="12" t="s">
        <v>1254</v>
      </c>
      <c r="H6" s="13" t="s">
        <v>118</v>
      </c>
      <c r="I6" s="13" t="s">
        <v>118</v>
      </c>
      <c r="J6" s="12" t="s">
        <v>1506</v>
      </c>
      <c r="K6" s="12" t="s">
        <v>1895</v>
      </c>
      <c r="L6" s="39">
        <v>43009</v>
      </c>
    </row>
    <row r="7" spans="1:13" ht="26.25" customHeight="1" x14ac:dyDescent="0.15">
      <c r="A7" s="41">
        <v>6</v>
      </c>
      <c r="B7" s="13">
        <v>1670114550</v>
      </c>
      <c r="C7" s="17" t="s">
        <v>273</v>
      </c>
      <c r="D7" s="17">
        <v>30</v>
      </c>
      <c r="E7" s="13">
        <v>9300936</v>
      </c>
      <c r="F7" s="17" t="s">
        <v>2136</v>
      </c>
      <c r="G7" s="13" t="s">
        <v>791</v>
      </c>
      <c r="H7" s="13" t="s">
        <v>118</v>
      </c>
      <c r="I7" s="13" t="s">
        <v>452</v>
      </c>
      <c r="J7" s="13" t="s">
        <v>1617</v>
      </c>
      <c r="K7" s="13" t="s">
        <v>749</v>
      </c>
      <c r="L7" s="39">
        <v>43525</v>
      </c>
      <c r="M7" s="36"/>
    </row>
    <row r="8" spans="1:13" ht="26.25" customHeight="1" x14ac:dyDescent="0.15">
      <c r="A8" s="9">
        <v>7</v>
      </c>
      <c r="B8" s="13">
        <v>1670114691</v>
      </c>
      <c r="C8" s="17" t="s">
        <v>58</v>
      </c>
      <c r="D8" s="17">
        <v>30</v>
      </c>
      <c r="E8" s="13">
        <v>9300812</v>
      </c>
      <c r="F8" s="17" t="s">
        <v>528</v>
      </c>
      <c r="G8" s="13" t="s">
        <v>1156</v>
      </c>
      <c r="H8" s="13" t="s">
        <v>118</v>
      </c>
      <c r="I8" s="13" t="s">
        <v>452</v>
      </c>
      <c r="J8" s="144" t="s">
        <v>1373</v>
      </c>
      <c r="K8" s="13" t="s">
        <v>1377</v>
      </c>
      <c r="L8" s="50">
        <v>43709</v>
      </c>
      <c r="M8" s="192"/>
    </row>
    <row r="9" spans="1:13" ht="26.25" customHeight="1" x14ac:dyDescent="0.15">
      <c r="A9" s="10"/>
      <c r="B9" s="19"/>
      <c r="C9" s="19" t="s">
        <v>967</v>
      </c>
      <c r="D9" s="15">
        <f>SUM(D2:D8)</f>
        <v>197</v>
      </c>
      <c r="E9" s="19"/>
      <c r="F9" s="15"/>
      <c r="G9" s="15"/>
      <c r="H9" s="15"/>
      <c r="I9" s="15"/>
      <c r="J9" s="15"/>
      <c r="K9" s="15"/>
      <c r="L9" s="40"/>
    </row>
  </sheetData>
  <phoneticPr fontId="5"/>
  <printOptions horizontalCentered="1" gridLines="1"/>
  <pageMargins left="0.59055118110236227" right="0.19685039370078741" top="0.78740157480314965" bottom="0.39370078740157483" header="0.51181102362204722" footer="0.19685039370078741"/>
  <pageSetup paperSize="9" scale="85" orientation="landscape" r:id="rId1"/>
  <headerFooter alignWithMargins="0">
    <oddHeader>&amp;C&amp;14特定施設入所者生活介護事業所一覧</oddHeader>
    <oddFooter>&amp;C&amp;P&amp;R(&amp;A)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32">
    <tabColor theme="9"/>
    <pageSetUpPr fitToPage="1"/>
  </sheetPr>
  <dimension ref="A1:K33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4.625" style="54" customWidth="1"/>
    <col min="4" max="4" width="10.625" style="1" customWidth="1"/>
    <col min="5" max="5" width="35.625" style="54" customWidth="1"/>
    <col min="6" max="6" width="10.625" style="5" customWidth="1"/>
    <col min="7" max="8" width="9.625" style="5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24"/>
      <c r="B1" s="24" t="s">
        <v>285</v>
      </c>
      <c r="C1" s="24" t="s">
        <v>530</v>
      </c>
      <c r="D1" s="38" t="s">
        <v>1866</v>
      </c>
      <c r="E1" s="24" t="s">
        <v>830</v>
      </c>
      <c r="F1" s="24" t="s">
        <v>1155</v>
      </c>
      <c r="G1" s="24" t="s">
        <v>406</v>
      </c>
      <c r="H1" s="24" t="s">
        <v>772</v>
      </c>
      <c r="I1" s="24" t="s">
        <v>832</v>
      </c>
      <c r="J1" s="143" t="s">
        <v>1726</v>
      </c>
      <c r="K1" s="195" t="s">
        <v>182</v>
      </c>
    </row>
    <row r="2" spans="1:11" ht="26.25" customHeight="1" x14ac:dyDescent="0.15">
      <c r="A2" s="16">
        <v>1</v>
      </c>
      <c r="B2" s="12">
        <v>1670100187</v>
      </c>
      <c r="C2" s="67" t="s">
        <v>467</v>
      </c>
      <c r="D2" s="12">
        <v>9300042</v>
      </c>
      <c r="E2" s="16" t="s">
        <v>643</v>
      </c>
      <c r="F2" s="24" t="s">
        <v>1174</v>
      </c>
      <c r="G2" s="12" t="s">
        <v>118</v>
      </c>
      <c r="H2" s="12" t="s">
        <v>118</v>
      </c>
      <c r="I2" s="12" t="s">
        <v>345</v>
      </c>
      <c r="J2" s="12" t="s">
        <v>247</v>
      </c>
      <c r="K2" s="138">
        <v>36495</v>
      </c>
    </row>
    <row r="3" spans="1:11" ht="26.25" customHeight="1" x14ac:dyDescent="0.15">
      <c r="A3" s="16">
        <v>2</v>
      </c>
      <c r="B3" s="12">
        <v>1670101672</v>
      </c>
      <c r="C3" s="67" t="s">
        <v>741</v>
      </c>
      <c r="D3" s="12">
        <v>9300106</v>
      </c>
      <c r="E3" s="16" t="s">
        <v>399</v>
      </c>
      <c r="F3" s="24" t="s">
        <v>55</v>
      </c>
      <c r="G3" s="12" t="s">
        <v>118</v>
      </c>
      <c r="H3" s="12" t="s">
        <v>118</v>
      </c>
      <c r="I3" s="12" t="s">
        <v>593</v>
      </c>
      <c r="J3" s="12" t="s">
        <v>1081</v>
      </c>
      <c r="K3" s="138">
        <v>36922</v>
      </c>
    </row>
    <row r="4" spans="1:11" ht="26.25" customHeight="1" x14ac:dyDescent="0.15">
      <c r="A4" s="16">
        <v>3</v>
      </c>
      <c r="B4" s="12">
        <v>1670101599</v>
      </c>
      <c r="C4" s="67" t="s">
        <v>1333</v>
      </c>
      <c r="D4" s="12">
        <v>9300866</v>
      </c>
      <c r="E4" s="16" t="s">
        <v>1335</v>
      </c>
      <c r="F4" s="24" t="s">
        <v>419</v>
      </c>
      <c r="G4" s="12" t="s">
        <v>118</v>
      </c>
      <c r="H4" s="12" t="s">
        <v>118</v>
      </c>
      <c r="I4" s="12" t="s">
        <v>268</v>
      </c>
      <c r="J4" s="12" t="s">
        <v>179</v>
      </c>
      <c r="K4" s="138">
        <v>36738</v>
      </c>
    </row>
    <row r="5" spans="1:11" ht="26.25" customHeight="1" x14ac:dyDescent="0.15">
      <c r="A5" s="16">
        <v>4</v>
      </c>
      <c r="B5" s="12">
        <v>1670100294</v>
      </c>
      <c r="C5" s="67" t="s">
        <v>1708</v>
      </c>
      <c r="D5" s="12">
        <v>9398212</v>
      </c>
      <c r="E5" s="16" t="s">
        <v>543</v>
      </c>
      <c r="F5" s="24" t="s">
        <v>1157</v>
      </c>
      <c r="G5" s="12" t="s">
        <v>118</v>
      </c>
      <c r="H5" s="12" t="s">
        <v>118</v>
      </c>
      <c r="I5" s="12" t="s">
        <v>929</v>
      </c>
      <c r="J5" s="12" t="s">
        <v>930</v>
      </c>
      <c r="K5" s="138">
        <v>36433</v>
      </c>
    </row>
    <row r="6" spans="1:11" ht="26.25" customHeight="1" x14ac:dyDescent="0.15">
      <c r="A6" s="16">
        <v>5</v>
      </c>
      <c r="B6" s="12">
        <v>1670100286</v>
      </c>
      <c r="C6" s="67" t="s">
        <v>943</v>
      </c>
      <c r="D6" s="12">
        <v>9300821</v>
      </c>
      <c r="E6" s="16" t="s">
        <v>581</v>
      </c>
      <c r="F6" s="24" t="s">
        <v>1173</v>
      </c>
      <c r="G6" s="12" t="s">
        <v>118</v>
      </c>
      <c r="H6" s="12" t="s">
        <v>118</v>
      </c>
      <c r="I6" s="12" t="s">
        <v>1027</v>
      </c>
      <c r="J6" s="12" t="s">
        <v>267</v>
      </c>
      <c r="K6" s="138">
        <v>36410</v>
      </c>
    </row>
    <row r="7" spans="1:11" ht="26.25" customHeight="1" x14ac:dyDescent="0.15">
      <c r="A7" s="16">
        <v>6</v>
      </c>
      <c r="B7" s="12">
        <v>1670100278</v>
      </c>
      <c r="C7" s="67" t="s">
        <v>1338</v>
      </c>
      <c r="D7" s="12">
        <v>9300982</v>
      </c>
      <c r="E7" s="16" t="s">
        <v>1590</v>
      </c>
      <c r="F7" s="24" t="s">
        <v>1180</v>
      </c>
      <c r="G7" s="12" t="s">
        <v>118</v>
      </c>
      <c r="H7" s="12" t="s">
        <v>118</v>
      </c>
      <c r="I7" s="12" t="s">
        <v>922</v>
      </c>
      <c r="J7" s="12" t="s">
        <v>1303</v>
      </c>
      <c r="K7" s="138">
        <v>36410</v>
      </c>
    </row>
    <row r="8" spans="1:11" ht="26.25" customHeight="1" x14ac:dyDescent="0.15">
      <c r="A8" s="16">
        <v>7</v>
      </c>
      <c r="B8" s="12">
        <v>1670100427</v>
      </c>
      <c r="C8" s="67" t="s">
        <v>600</v>
      </c>
      <c r="D8" s="12">
        <v>9300035</v>
      </c>
      <c r="E8" s="16" t="s">
        <v>1376</v>
      </c>
      <c r="F8" s="24" t="s">
        <v>1082</v>
      </c>
      <c r="G8" s="12" t="s">
        <v>118</v>
      </c>
      <c r="H8" s="12" t="s">
        <v>118</v>
      </c>
      <c r="I8" s="12" t="s">
        <v>407</v>
      </c>
      <c r="J8" s="12" t="s">
        <v>409</v>
      </c>
      <c r="K8" s="138">
        <v>36495</v>
      </c>
    </row>
    <row r="9" spans="1:11" ht="26.25" customHeight="1" x14ac:dyDescent="0.15">
      <c r="A9" s="16">
        <v>8</v>
      </c>
      <c r="B9" s="12">
        <v>1670101664</v>
      </c>
      <c r="C9" s="16" t="s">
        <v>1094</v>
      </c>
      <c r="D9" s="12">
        <v>9300991</v>
      </c>
      <c r="E9" s="16" t="s">
        <v>243</v>
      </c>
      <c r="F9" s="24" t="s">
        <v>21</v>
      </c>
      <c r="G9" s="12" t="s">
        <v>118</v>
      </c>
      <c r="H9" s="12" t="s">
        <v>118</v>
      </c>
      <c r="I9" s="12" t="s">
        <v>1096</v>
      </c>
      <c r="J9" s="12" t="s">
        <v>1087</v>
      </c>
      <c r="K9" s="138">
        <v>36860</v>
      </c>
    </row>
    <row r="10" spans="1:11" ht="26.25" customHeight="1" x14ac:dyDescent="0.15">
      <c r="A10" s="16">
        <v>9</v>
      </c>
      <c r="B10" s="12">
        <v>1670101847</v>
      </c>
      <c r="C10" s="67" t="s">
        <v>300</v>
      </c>
      <c r="D10" s="12">
        <v>9398214</v>
      </c>
      <c r="E10" s="16" t="s">
        <v>135</v>
      </c>
      <c r="F10" s="24" t="s">
        <v>1163</v>
      </c>
      <c r="G10" s="12" t="s">
        <v>118</v>
      </c>
      <c r="H10" s="12" t="s">
        <v>118</v>
      </c>
      <c r="I10" s="12" t="s">
        <v>735</v>
      </c>
      <c r="J10" s="12" t="s">
        <v>731</v>
      </c>
      <c r="K10" s="138">
        <v>37253</v>
      </c>
    </row>
    <row r="11" spans="1:11" ht="26.25" customHeight="1" x14ac:dyDescent="0.15">
      <c r="A11" s="16">
        <v>10</v>
      </c>
      <c r="B11" s="12">
        <v>1670102084</v>
      </c>
      <c r="C11" s="67" t="s">
        <v>924</v>
      </c>
      <c r="D11" s="12">
        <v>9398204</v>
      </c>
      <c r="E11" s="67" t="s">
        <v>1068</v>
      </c>
      <c r="F11" s="24" t="s">
        <v>46</v>
      </c>
      <c r="G11" s="12" t="s">
        <v>118</v>
      </c>
      <c r="H11" s="12" t="s">
        <v>118</v>
      </c>
      <c r="I11" s="12" t="s">
        <v>1495</v>
      </c>
      <c r="J11" s="12" t="s">
        <v>1327</v>
      </c>
      <c r="K11" s="138">
        <v>37589</v>
      </c>
    </row>
    <row r="12" spans="1:11" ht="26.25" customHeight="1" x14ac:dyDescent="0.15">
      <c r="A12" s="16">
        <v>11</v>
      </c>
      <c r="B12" s="12">
        <v>1670102563</v>
      </c>
      <c r="C12" s="67" t="s">
        <v>366</v>
      </c>
      <c r="D12" s="12">
        <v>9398214</v>
      </c>
      <c r="E12" s="16" t="s">
        <v>1735</v>
      </c>
      <c r="F12" s="24" t="s">
        <v>1163</v>
      </c>
      <c r="G12" s="12" t="s">
        <v>118</v>
      </c>
      <c r="H12" s="12" t="s">
        <v>118</v>
      </c>
      <c r="I12" s="12" t="s">
        <v>129</v>
      </c>
      <c r="J12" s="12" t="s">
        <v>108</v>
      </c>
      <c r="K12" s="138">
        <v>37925</v>
      </c>
    </row>
    <row r="13" spans="1:11" ht="26.25" customHeight="1" x14ac:dyDescent="0.15">
      <c r="A13" s="16">
        <v>12</v>
      </c>
      <c r="B13" s="12">
        <v>1670102555</v>
      </c>
      <c r="C13" s="67" t="s">
        <v>88</v>
      </c>
      <c r="D13" s="12">
        <v>9300151</v>
      </c>
      <c r="E13" s="16" t="s">
        <v>820</v>
      </c>
      <c r="F13" s="24" t="s">
        <v>308</v>
      </c>
      <c r="G13" s="12" t="s">
        <v>118</v>
      </c>
      <c r="H13" s="12" t="s">
        <v>118</v>
      </c>
      <c r="I13" s="12" t="s">
        <v>310</v>
      </c>
      <c r="J13" s="12" t="s">
        <v>1819</v>
      </c>
      <c r="K13" s="138">
        <v>37925</v>
      </c>
    </row>
    <row r="14" spans="1:11" ht="26.25" customHeight="1" x14ac:dyDescent="0.15">
      <c r="A14" s="16">
        <v>13</v>
      </c>
      <c r="B14" s="12">
        <v>1670103298</v>
      </c>
      <c r="C14" s="16" t="s">
        <v>938</v>
      </c>
      <c r="D14" s="12">
        <v>9300992</v>
      </c>
      <c r="E14" s="16" t="s">
        <v>1301</v>
      </c>
      <c r="F14" s="24" t="s">
        <v>1180</v>
      </c>
      <c r="G14" s="12" t="s">
        <v>118</v>
      </c>
      <c r="H14" s="12" t="s">
        <v>118</v>
      </c>
      <c r="I14" s="12" t="s">
        <v>722</v>
      </c>
      <c r="J14" s="12" t="s">
        <v>875</v>
      </c>
      <c r="K14" s="138">
        <v>38596</v>
      </c>
    </row>
    <row r="15" spans="1:11" ht="26.25" customHeight="1" x14ac:dyDescent="0.15">
      <c r="A15" s="16">
        <v>14</v>
      </c>
      <c r="B15" s="12">
        <v>1670103439</v>
      </c>
      <c r="C15" s="67" t="s">
        <v>19</v>
      </c>
      <c r="D15" s="12">
        <v>9398213</v>
      </c>
      <c r="E15" s="16" t="s">
        <v>1743</v>
      </c>
      <c r="F15" s="24" t="s">
        <v>46</v>
      </c>
      <c r="G15" s="12" t="s">
        <v>118</v>
      </c>
      <c r="H15" s="12" t="s">
        <v>118</v>
      </c>
      <c r="I15" s="12" t="s">
        <v>729</v>
      </c>
      <c r="J15" s="12" t="s">
        <v>764</v>
      </c>
      <c r="K15" s="138">
        <v>38687</v>
      </c>
    </row>
    <row r="16" spans="1:11" ht="26.25" customHeight="1" x14ac:dyDescent="0.15">
      <c r="A16" s="16">
        <v>15</v>
      </c>
      <c r="B16" s="12">
        <v>1670104551</v>
      </c>
      <c r="C16" s="16" t="s">
        <v>990</v>
      </c>
      <c r="D16" s="12">
        <v>9398211</v>
      </c>
      <c r="E16" s="16" t="s">
        <v>281</v>
      </c>
      <c r="F16" s="24" t="s">
        <v>46</v>
      </c>
      <c r="G16" s="12" t="s">
        <v>118</v>
      </c>
      <c r="H16" s="12" t="s">
        <v>118</v>
      </c>
      <c r="I16" s="12" t="s">
        <v>677</v>
      </c>
      <c r="J16" s="12" t="s">
        <v>676</v>
      </c>
      <c r="K16" s="138">
        <v>39539</v>
      </c>
    </row>
    <row r="17" spans="1:11" ht="26.25" customHeight="1" x14ac:dyDescent="0.15">
      <c r="A17" s="16">
        <v>16</v>
      </c>
      <c r="B17" s="12">
        <v>1670104874</v>
      </c>
      <c r="C17" s="16" t="s">
        <v>1407</v>
      </c>
      <c r="D17" s="12">
        <v>9300916</v>
      </c>
      <c r="E17" s="16" t="s">
        <v>2137</v>
      </c>
      <c r="F17" s="24" t="s">
        <v>1167</v>
      </c>
      <c r="G17" s="12" t="s">
        <v>118</v>
      </c>
      <c r="H17" s="12" t="s">
        <v>452</v>
      </c>
      <c r="I17" s="12" t="s">
        <v>1350</v>
      </c>
      <c r="J17" s="12" t="s">
        <v>445</v>
      </c>
      <c r="K17" s="138">
        <v>39904</v>
      </c>
    </row>
    <row r="18" spans="1:11" ht="26.25" customHeight="1" x14ac:dyDescent="0.15">
      <c r="A18" s="16">
        <v>17</v>
      </c>
      <c r="B18" s="97" t="s">
        <v>740</v>
      </c>
      <c r="C18" s="68" t="s">
        <v>683</v>
      </c>
      <c r="D18" s="12">
        <v>9300835</v>
      </c>
      <c r="E18" s="16" t="s">
        <v>1510</v>
      </c>
      <c r="F18" s="24" t="s">
        <v>1173</v>
      </c>
      <c r="G18" s="12" t="s">
        <v>118</v>
      </c>
      <c r="H18" s="12" t="s">
        <v>118</v>
      </c>
      <c r="I18" s="97" t="s">
        <v>1890</v>
      </c>
      <c r="J18" s="97" t="s">
        <v>67</v>
      </c>
      <c r="K18" s="196">
        <v>40238</v>
      </c>
    </row>
    <row r="19" spans="1:11" ht="26.25" customHeight="1" x14ac:dyDescent="0.15">
      <c r="A19" s="16">
        <v>18</v>
      </c>
      <c r="B19" s="12">
        <v>1670112083</v>
      </c>
      <c r="C19" s="16" t="s">
        <v>639</v>
      </c>
      <c r="D19" s="12">
        <v>9300992</v>
      </c>
      <c r="E19" s="16" t="s">
        <v>1239</v>
      </c>
      <c r="F19" s="24" t="s">
        <v>1180</v>
      </c>
      <c r="G19" s="12" t="s">
        <v>118</v>
      </c>
      <c r="H19" s="12" t="s">
        <v>118</v>
      </c>
      <c r="I19" s="194" t="s">
        <v>657</v>
      </c>
      <c r="J19" s="97" t="s">
        <v>422</v>
      </c>
      <c r="K19" s="138">
        <v>41122</v>
      </c>
    </row>
    <row r="20" spans="1:11" ht="26.25" customHeight="1" x14ac:dyDescent="0.15">
      <c r="A20" s="16">
        <v>19</v>
      </c>
      <c r="B20" s="14">
        <v>1670113057</v>
      </c>
      <c r="C20" s="69" t="s">
        <v>1189</v>
      </c>
      <c r="D20" s="14">
        <v>9398214</v>
      </c>
      <c r="E20" s="69" t="s">
        <v>805</v>
      </c>
      <c r="F20" s="24" t="s">
        <v>1163</v>
      </c>
      <c r="G20" s="12" t="s">
        <v>118</v>
      </c>
      <c r="H20" s="12" t="s">
        <v>118</v>
      </c>
      <c r="I20" s="14" t="s">
        <v>231</v>
      </c>
      <c r="J20" s="14" t="s">
        <v>355</v>
      </c>
      <c r="K20" s="138">
        <v>41852</v>
      </c>
    </row>
    <row r="21" spans="1:11" ht="26.25" customHeight="1" x14ac:dyDescent="0.15">
      <c r="A21" s="16">
        <v>20</v>
      </c>
      <c r="B21" s="14">
        <v>1670113743</v>
      </c>
      <c r="C21" s="69" t="s">
        <v>217</v>
      </c>
      <c r="D21" s="14">
        <v>9398211</v>
      </c>
      <c r="E21" s="69" t="s">
        <v>1434</v>
      </c>
      <c r="F21" s="24" t="s">
        <v>46</v>
      </c>
      <c r="G21" s="12" t="s">
        <v>118</v>
      </c>
      <c r="H21" s="12" t="s">
        <v>118</v>
      </c>
      <c r="I21" s="14" t="s">
        <v>1432</v>
      </c>
      <c r="J21" s="14" t="s">
        <v>79</v>
      </c>
      <c r="K21" s="138">
        <v>42552</v>
      </c>
    </row>
    <row r="22" spans="1:11" ht="26.25" customHeight="1" x14ac:dyDescent="0.15">
      <c r="A22" s="16">
        <v>21</v>
      </c>
      <c r="B22" s="12">
        <v>1670114386</v>
      </c>
      <c r="C22" s="16" t="s">
        <v>866</v>
      </c>
      <c r="D22" s="12">
        <v>9300992</v>
      </c>
      <c r="E22" s="193" t="s">
        <v>204</v>
      </c>
      <c r="F22" s="24" t="s">
        <v>1180</v>
      </c>
      <c r="G22" s="12" t="s">
        <v>118</v>
      </c>
      <c r="H22" s="12" t="s">
        <v>118</v>
      </c>
      <c r="I22" s="24" t="s">
        <v>1429</v>
      </c>
      <c r="J22" s="12" t="s">
        <v>1273</v>
      </c>
      <c r="K22" s="197">
        <v>43344</v>
      </c>
    </row>
    <row r="23" spans="1:11" customFormat="1" ht="26.25" customHeight="1" x14ac:dyDescent="0.15">
      <c r="A23" s="16">
        <v>22</v>
      </c>
      <c r="B23" s="12">
        <v>1670114428</v>
      </c>
      <c r="C23" s="16" t="s">
        <v>1686</v>
      </c>
      <c r="D23" s="12">
        <v>9300151</v>
      </c>
      <c r="E23" s="68" t="s">
        <v>2138</v>
      </c>
      <c r="F23" s="24" t="s">
        <v>308</v>
      </c>
      <c r="G23" s="12" t="s">
        <v>118</v>
      </c>
      <c r="H23" s="12" t="s">
        <v>118</v>
      </c>
      <c r="I23" s="24" t="s">
        <v>1243</v>
      </c>
      <c r="J23" s="12" t="s">
        <v>1689</v>
      </c>
      <c r="K23" s="197">
        <v>43435</v>
      </c>
    </row>
    <row r="24" spans="1:11" customFormat="1" ht="26.25" customHeight="1" x14ac:dyDescent="0.15">
      <c r="A24" s="16">
        <v>23</v>
      </c>
      <c r="B24" s="12">
        <v>1670114519</v>
      </c>
      <c r="C24" s="16" t="s">
        <v>1695</v>
      </c>
      <c r="D24" s="12">
        <v>9398215</v>
      </c>
      <c r="E24" s="68" t="s">
        <v>1231</v>
      </c>
      <c r="F24" s="24" t="s">
        <v>46</v>
      </c>
      <c r="G24" s="12" t="s">
        <v>118</v>
      </c>
      <c r="H24" s="12" t="s">
        <v>118</v>
      </c>
      <c r="I24" s="24" t="s">
        <v>237</v>
      </c>
      <c r="J24" s="12" t="s">
        <v>1370</v>
      </c>
      <c r="K24" s="197">
        <v>43497</v>
      </c>
    </row>
    <row r="25" spans="1:11" ht="26.25" customHeight="1" x14ac:dyDescent="0.15">
      <c r="A25" s="16">
        <v>24</v>
      </c>
      <c r="B25" s="12">
        <v>1670114576</v>
      </c>
      <c r="C25" s="16" t="s">
        <v>955</v>
      </c>
      <c r="D25" s="12">
        <v>9300138</v>
      </c>
      <c r="E25" s="68" t="s">
        <v>1704</v>
      </c>
      <c r="F25" s="24" t="s">
        <v>55</v>
      </c>
      <c r="G25" s="12" t="s">
        <v>118</v>
      </c>
      <c r="H25" s="12" t="s">
        <v>118</v>
      </c>
      <c r="I25" s="24" t="s">
        <v>1729</v>
      </c>
      <c r="J25" s="24" t="s">
        <v>801</v>
      </c>
      <c r="K25" s="197">
        <v>43556</v>
      </c>
    </row>
    <row r="26" spans="1:11" customFormat="1" ht="26.25" customHeight="1" x14ac:dyDescent="0.15">
      <c r="A26" s="16">
        <v>25</v>
      </c>
      <c r="B26" s="12">
        <v>1670114634</v>
      </c>
      <c r="C26" s="16" t="s">
        <v>1742</v>
      </c>
      <c r="D26" s="12">
        <v>9300835</v>
      </c>
      <c r="E26" s="68" t="s">
        <v>317</v>
      </c>
      <c r="F26" s="24" t="s">
        <v>1173</v>
      </c>
      <c r="G26" s="12" t="s">
        <v>118</v>
      </c>
      <c r="H26" s="12" t="s">
        <v>118</v>
      </c>
      <c r="I26" s="24" t="s">
        <v>346</v>
      </c>
      <c r="J26" s="24" t="s">
        <v>1709</v>
      </c>
      <c r="K26" s="197">
        <v>43586</v>
      </c>
    </row>
    <row r="27" spans="1:11" customFormat="1" ht="26.25" customHeight="1" x14ac:dyDescent="0.15">
      <c r="A27" s="16">
        <v>26</v>
      </c>
      <c r="B27" s="12">
        <v>1670114741</v>
      </c>
      <c r="C27" s="16" t="s">
        <v>1740</v>
      </c>
      <c r="D27" s="12">
        <v>9398202</v>
      </c>
      <c r="E27" s="68" t="s">
        <v>769</v>
      </c>
      <c r="F27" s="24" t="s">
        <v>796</v>
      </c>
      <c r="G27" s="12" t="s">
        <v>118</v>
      </c>
      <c r="H27" s="12" t="s">
        <v>118</v>
      </c>
      <c r="I27" s="24" t="s">
        <v>1033</v>
      </c>
      <c r="J27" s="24" t="s">
        <v>1511</v>
      </c>
      <c r="K27" s="197">
        <v>43831</v>
      </c>
    </row>
    <row r="28" spans="1:11" ht="26.25" customHeight="1" x14ac:dyDescent="0.15">
      <c r="A28" s="16">
        <v>27</v>
      </c>
      <c r="B28" s="12">
        <v>1670114865</v>
      </c>
      <c r="C28" s="16" t="s">
        <v>1755</v>
      </c>
      <c r="D28" s="12">
        <v>9392716</v>
      </c>
      <c r="E28" s="68" t="s">
        <v>1382</v>
      </c>
      <c r="F28" s="24" t="s">
        <v>1754</v>
      </c>
      <c r="G28" s="12" t="s">
        <v>118</v>
      </c>
      <c r="H28" s="12" t="s">
        <v>118</v>
      </c>
      <c r="I28" s="24" t="s">
        <v>1409</v>
      </c>
      <c r="J28" s="24" t="s">
        <v>1756</v>
      </c>
      <c r="K28" s="197">
        <v>43922</v>
      </c>
    </row>
    <row r="29" spans="1:11" ht="26.25" customHeight="1" x14ac:dyDescent="0.15">
      <c r="A29" s="16">
        <v>28</v>
      </c>
      <c r="B29" s="12">
        <v>1670115094</v>
      </c>
      <c r="C29" s="16" t="s">
        <v>277</v>
      </c>
      <c r="D29" s="12">
        <v>9302243</v>
      </c>
      <c r="E29" s="68" t="s">
        <v>1463</v>
      </c>
      <c r="F29" s="24" t="s">
        <v>1305</v>
      </c>
      <c r="G29" s="12" t="s">
        <v>118</v>
      </c>
      <c r="H29" s="12" t="s">
        <v>118</v>
      </c>
      <c r="I29" s="24" t="s">
        <v>1818</v>
      </c>
      <c r="J29" s="24" t="s">
        <v>1596</v>
      </c>
      <c r="K29" s="197">
        <v>44470</v>
      </c>
    </row>
    <row r="30" spans="1:11" ht="26.25" customHeight="1" x14ac:dyDescent="0.15">
      <c r="A30" s="16">
        <v>29</v>
      </c>
      <c r="B30" s="12">
        <v>1670115151</v>
      </c>
      <c r="C30" s="16" t="s">
        <v>239</v>
      </c>
      <c r="D30" s="12">
        <v>9300859</v>
      </c>
      <c r="E30" s="68" t="s">
        <v>1570</v>
      </c>
      <c r="F30" s="24" t="s">
        <v>1470</v>
      </c>
      <c r="G30" s="12" t="s">
        <v>118</v>
      </c>
      <c r="H30" s="12" t="s">
        <v>118</v>
      </c>
      <c r="I30" s="24" t="s">
        <v>973</v>
      </c>
      <c r="J30" s="24" t="s">
        <v>1571</v>
      </c>
      <c r="K30" s="197">
        <v>44593</v>
      </c>
    </row>
    <row r="31" spans="1:11" ht="26.25" customHeight="1" x14ac:dyDescent="0.15">
      <c r="A31" s="16">
        <v>30</v>
      </c>
      <c r="B31" s="12">
        <v>1670115193</v>
      </c>
      <c r="C31" s="16" t="s">
        <v>1567</v>
      </c>
      <c r="D31" s="12">
        <v>9398263</v>
      </c>
      <c r="E31" s="68" t="s">
        <v>595</v>
      </c>
      <c r="F31" s="24" t="s">
        <v>748</v>
      </c>
      <c r="G31" s="12" t="s">
        <v>118</v>
      </c>
      <c r="H31" s="12" t="s">
        <v>118</v>
      </c>
      <c r="I31" s="24" t="s">
        <v>87</v>
      </c>
      <c r="J31" s="24" t="s">
        <v>1395</v>
      </c>
      <c r="K31" s="197">
        <v>44743</v>
      </c>
    </row>
    <row r="32" spans="1:11" ht="26.25" customHeight="1" x14ac:dyDescent="0.15">
      <c r="A32" s="16">
        <v>31</v>
      </c>
      <c r="B32" s="12">
        <v>1670115268</v>
      </c>
      <c r="C32" s="67" t="s">
        <v>1882</v>
      </c>
      <c r="D32" s="12">
        <v>9398071</v>
      </c>
      <c r="E32" s="67" t="s">
        <v>1066</v>
      </c>
      <c r="F32" s="24" t="s">
        <v>1163</v>
      </c>
      <c r="G32" s="24" t="s">
        <v>118</v>
      </c>
      <c r="H32" s="24" t="s">
        <v>118</v>
      </c>
      <c r="I32" s="12" t="s">
        <v>91</v>
      </c>
      <c r="J32" s="12" t="s">
        <v>1884</v>
      </c>
      <c r="K32" s="138">
        <v>44927</v>
      </c>
    </row>
    <row r="33" spans="1:11" ht="26.25" customHeight="1" x14ac:dyDescent="0.15">
      <c r="A33" s="16">
        <v>32</v>
      </c>
      <c r="B33" s="12">
        <v>1670115391</v>
      </c>
      <c r="C33" s="67" t="s">
        <v>1171</v>
      </c>
      <c r="D33" s="12">
        <v>9318333</v>
      </c>
      <c r="E33" s="67" t="s">
        <v>1450</v>
      </c>
      <c r="F33" s="24" t="s">
        <v>931</v>
      </c>
      <c r="G33" s="24" t="s">
        <v>118</v>
      </c>
      <c r="H33" s="24" t="s">
        <v>118</v>
      </c>
      <c r="I33" s="12" t="s">
        <v>1903</v>
      </c>
      <c r="J33" s="12" t="s">
        <v>1904</v>
      </c>
      <c r="K33" s="138">
        <v>45200</v>
      </c>
    </row>
  </sheetData>
  <phoneticPr fontId="5"/>
  <printOptions horizontalCentered="1" gridLines="1"/>
  <pageMargins left="0.55118110236220474" right="0.39370078740157483" top="0.82677165354330717" bottom="0.39370078740157483" header="0.47244094488188981" footer="0.19685039370078741"/>
  <pageSetup paperSize="9" scale="77" fitToHeight="0" orientation="landscape" r:id="rId1"/>
  <headerFooter alignWithMargins="0">
    <oddHeader>&amp;C&amp;14福祉用具貸与事業所一覧</oddHeader>
    <oddFooter>&amp;C&amp;P&amp;R(&amp;A)</oddFooter>
  </headerFooter>
  <ignoredErrors>
    <ignoredError sqref="B18" numberStoredAsText="1"/>
  </ignoredError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34">
    <tabColor theme="9"/>
    <pageSetUpPr fitToPage="1"/>
  </sheetPr>
  <dimension ref="A1:K38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50.625" style="1" customWidth="1"/>
    <col min="4" max="4" width="10.625" style="198" customWidth="1"/>
    <col min="5" max="5" width="45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24"/>
      <c r="B1" s="24" t="s">
        <v>285</v>
      </c>
      <c r="C1" s="24" t="s">
        <v>530</v>
      </c>
      <c r="D1" s="38" t="s">
        <v>1866</v>
      </c>
      <c r="E1" s="24" t="s">
        <v>830</v>
      </c>
      <c r="F1" s="24" t="s">
        <v>1155</v>
      </c>
      <c r="G1" s="24" t="s">
        <v>406</v>
      </c>
      <c r="H1" s="24" t="s">
        <v>772</v>
      </c>
      <c r="I1" s="38" t="s">
        <v>832</v>
      </c>
      <c r="J1" s="143" t="s">
        <v>1726</v>
      </c>
      <c r="K1" s="195" t="s">
        <v>182</v>
      </c>
    </row>
    <row r="2" spans="1:11" ht="26.25" customHeight="1" x14ac:dyDescent="0.15">
      <c r="A2" s="16">
        <v>1</v>
      </c>
      <c r="B2" s="12">
        <v>1670103751</v>
      </c>
      <c r="C2" s="16" t="s">
        <v>586</v>
      </c>
      <c r="D2" s="12">
        <v>9398214</v>
      </c>
      <c r="E2" s="16" t="s">
        <v>272</v>
      </c>
      <c r="F2" s="24" t="s">
        <v>1163</v>
      </c>
      <c r="G2" s="12" t="s">
        <v>118</v>
      </c>
      <c r="H2" s="12" t="s">
        <v>118</v>
      </c>
      <c r="I2" s="12" t="s">
        <v>129</v>
      </c>
      <c r="J2" s="12" t="s">
        <v>108</v>
      </c>
      <c r="K2" s="138">
        <v>38808</v>
      </c>
    </row>
    <row r="3" spans="1:11" ht="26.25" customHeight="1" x14ac:dyDescent="0.15">
      <c r="A3" s="16">
        <v>2</v>
      </c>
      <c r="B3" s="12">
        <v>1670103629</v>
      </c>
      <c r="C3" s="16" t="s">
        <v>1338</v>
      </c>
      <c r="D3" s="12">
        <v>9300982</v>
      </c>
      <c r="E3" s="16" t="s">
        <v>585</v>
      </c>
      <c r="F3" s="24" t="s">
        <v>1180</v>
      </c>
      <c r="G3" s="12" t="s">
        <v>118</v>
      </c>
      <c r="H3" s="12" t="s">
        <v>118</v>
      </c>
      <c r="I3" s="12" t="s">
        <v>922</v>
      </c>
      <c r="J3" s="12" t="s">
        <v>1303</v>
      </c>
      <c r="K3" s="138">
        <v>38808</v>
      </c>
    </row>
    <row r="4" spans="1:11" ht="26.25" customHeight="1" x14ac:dyDescent="0.15">
      <c r="A4" s="16">
        <v>3</v>
      </c>
      <c r="B4" s="12">
        <v>1670103637</v>
      </c>
      <c r="C4" s="16" t="s">
        <v>943</v>
      </c>
      <c r="D4" s="12">
        <v>9300821</v>
      </c>
      <c r="E4" s="16" t="s">
        <v>581</v>
      </c>
      <c r="F4" s="24" t="s">
        <v>1173</v>
      </c>
      <c r="G4" s="12" t="s">
        <v>118</v>
      </c>
      <c r="H4" s="12" t="s">
        <v>118</v>
      </c>
      <c r="I4" s="12" t="s">
        <v>1027</v>
      </c>
      <c r="J4" s="12" t="s">
        <v>267</v>
      </c>
      <c r="K4" s="138">
        <v>38808</v>
      </c>
    </row>
    <row r="5" spans="1:11" ht="26.25" customHeight="1" x14ac:dyDescent="0.15">
      <c r="A5" s="16">
        <v>4</v>
      </c>
      <c r="B5" s="12">
        <v>1670103744</v>
      </c>
      <c r="C5" s="16" t="s">
        <v>1091</v>
      </c>
      <c r="D5" s="12">
        <v>9300151</v>
      </c>
      <c r="E5" s="16" t="s">
        <v>820</v>
      </c>
      <c r="F5" s="24" t="s">
        <v>308</v>
      </c>
      <c r="G5" s="12" t="s">
        <v>118</v>
      </c>
      <c r="H5" s="12" t="s">
        <v>118</v>
      </c>
      <c r="I5" s="12" t="s">
        <v>310</v>
      </c>
      <c r="J5" s="12" t="s">
        <v>1819</v>
      </c>
      <c r="K5" s="138">
        <v>38808</v>
      </c>
    </row>
    <row r="6" spans="1:11" ht="26.25" customHeight="1" x14ac:dyDescent="0.15">
      <c r="A6" s="16">
        <v>5</v>
      </c>
      <c r="B6" s="12">
        <v>1670103702</v>
      </c>
      <c r="C6" s="16" t="s">
        <v>1099</v>
      </c>
      <c r="D6" s="12">
        <v>9398214</v>
      </c>
      <c r="E6" s="16" t="s">
        <v>135</v>
      </c>
      <c r="F6" s="24" t="s">
        <v>1163</v>
      </c>
      <c r="G6" s="12" t="s">
        <v>118</v>
      </c>
      <c r="H6" s="12" t="s">
        <v>118</v>
      </c>
      <c r="I6" s="12" t="s">
        <v>735</v>
      </c>
      <c r="J6" s="12" t="s">
        <v>731</v>
      </c>
      <c r="K6" s="138">
        <v>38808</v>
      </c>
    </row>
    <row r="7" spans="1:11" ht="26.25" customHeight="1" x14ac:dyDescent="0.15">
      <c r="A7" s="16">
        <v>6</v>
      </c>
      <c r="B7" s="12">
        <v>1670103660</v>
      </c>
      <c r="C7" s="16" t="s">
        <v>431</v>
      </c>
      <c r="D7" s="12">
        <v>9300801</v>
      </c>
      <c r="E7" s="16" t="s">
        <v>1089</v>
      </c>
      <c r="F7" s="24" t="s">
        <v>1156</v>
      </c>
      <c r="G7" s="12" t="s">
        <v>118</v>
      </c>
      <c r="H7" s="12" t="s">
        <v>118</v>
      </c>
      <c r="I7" s="12" t="s">
        <v>689</v>
      </c>
      <c r="J7" s="12" t="s">
        <v>615</v>
      </c>
      <c r="K7" s="138">
        <v>38808</v>
      </c>
    </row>
    <row r="8" spans="1:11" ht="26.25" customHeight="1" x14ac:dyDescent="0.15">
      <c r="A8" s="16">
        <v>7</v>
      </c>
      <c r="B8" s="12">
        <v>1670103611</v>
      </c>
      <c r="C8" s="16" t="s">
        <v>617</v>
      </c>
      <c r="D8" s="12">
        <v>9300042</v>
      </c>
      <c r="E8" s="16" t="s">
        <v>643</v>
      </c>
      <c r="F8" s="24" t="s">
        <v>1174</v>
      </c>
      <c r="G8" s="12" t="s">
        <v>118</v>
      </c>
      <c r="H8" s="12" t="s">
        <v>118</v>
      </c>
      <c r="I8" s="12" t="s">
        <v>345</v>
      </c>
      <c r="J8" s="12" t="s">
        <v>247</v>
      </c>
      <c r="K8" s="138">
        <v>38808</v>
      </c>
    </row>
    <row r="9" spans="1:11" ht="26.25" customHeight="1" x14ac:dyDescent="0.15">
      <c r="A9" s="16">
        <v>8</v>
      </c>
      <c r="B9" s="12">
        <v>1670103686</v>
      </c>
      <c r="C9" s="16" t="s">
        <v>183</v>
      </c>
      <c r="D9" s="12">
        <v>9300106</v>
      </c>
      <c r="E9" s="16" t="s">
        <v>1047</v>
      </c>
      <c r="F9" s="24" t="s">
        <v>55</v>
      </c>
      <c r="G9" s="12" t="s">
        <v>118</v>
      </c>
      <c r="H9" s="12" t="s">
        <v>118</v>
      </c>
      <c r="I9" s="12" t="s">
        <v>593</v>
      </c>
      <c r="J9" s="12" t="s">
        <v>1081</v>
      </c>
      <c r="K9" s="138">
        <v>38808</v>
      </c>
    </row>
    <row r="10" spans="1:11" ht="26.25" customHeight="1" x14ac:dyDescent="0.15">
      <c r="A10" s="16">
        <v>9</v>
      </c>
      <c r="B10" s="12">
        <v>1670103645</v>
      </c>
      <c r="C10" s="16" t="s">
        <v>1710</v>
      </c>
      <c r="D10" s="12">
        <v>9398212</v>
      </c>
      <c r="E10" s="16" t="s">
        <v>746</v>
      </c>
      <c r="F10" s="24" t="s">
        <v>1157</v>
      </c>
      <c r="G10" s="12" t="s">
        <v>118</v>
      </c>
      <c r="H10" s="12" t="s">
        <v>118</v>
      </c>
      <c r="I10" s="12" t="s">
        <v>929</v>
      </c>
      <c r="J10" s="12" t="s">
        <v>930</v>
      </c>
      <c r="K10" s="138">
        <v>38808</v>
      </c>
    </row>
    <row r="11" spans="1:11" ht="26.25" customHeight="1" x14ac:dyDescent="0.15">
      <c r="A11" s="16">
        <v>10</v>
      </c>
      <c r="B11" s="12">
        <v>1670103785</v>
      </c>
      <c r="C11" s="16" t="s">
        <v>1100</v>
      </c>
      <c r="D11" s="12">
        <v>9392606</v>
      </c>
      <c r="E11" s="16" t="s">
        <v>878</v>
      </c>
      <c r="F11" s="24" t="s">
        <v>1161</v>
      </c>
      <c r="G11" s="12" t="s">
        <v>118</v>
      </c>
      <c r="H11" s="12" t="s">
        <v>118</v>
      </c>
      <c r="I11" s="12" t="s">
        <v>360</v>
      </c>
      <c r="J11" s="12" t="s">
        <v>577</v>
      </c>
      <c r="K11" s="138">
        <v>38808</v>
      </c>
    </row>
    <row r="12" spans="1:11" ht="26.25" customHeight="1" x14ac:dyDescent="0.15">
      <c r="A12" s="16">
        <v>11</v>
      </c>
      <c r="B12" s="12">
        <v>1670103678</v>
      </c>
      <c r="C12" s="16" t="s">
        <v>1094</v>
      </c>
      <c r="D12" s="12">
        <v>9300991</v>
      </c>
      <c r="E12" s="16" t="s">
        <v>2139</v>
      </c>
      <c r="F12" s="24" t="s">
        <v>21</v>
      </c>
      <c r="G12" s="12" t="s">
        <v>118</v>
      </c>
      <c r="H12" s="12" t="s">
        <v>118</v>
      </c>
      <c r="I12" s="12" t="s">
        <v>1096</v>
      </c>
      <c r="J12" s="12" t="s">
        <v>1087</v>
      </c>
      <c r="K12" s="138">
        <v>38808</v>
      </c>
    </row>
    <row r="13" spans="1:11" ht="26.25" customHeight="1" x14ac:dyDescent="0.15">
      <c r="A13" s="16">
        <v>12</v>
      </c>
      <c r="B13" s="12">
        <v>1670103777</v>
      </c>
      <c r="C13" s="16" t="s">
        <v>19</v>
      </c>
      <c r="D13" s="12">
        <v>9398213</v>
      </c>
      <c r="E13" s="16" t="s">
        <v>1743</v>
      </c>
      <c r="F13" s="24" t="s">
        <v>46</v>
      </c>
      <c r="G13" s="12" t="s">
        <v>118</v>
      </c>
      <c r="H13" s="12" t="s">
        <v>118</v>
      </c>
      <c r="I13" s="12" t="s">
        <v>729</v>
      </c>
      <c r="J13" s="12" t="s">
        <v>764</v>
      </c>
      <c r="K13" s="138">
        <v>38808</v>
      </c>
    </row>
    <row r="14" spans="1:11" ht="26.25" customHeight="1" x14ac:dyDescent="0.15">
      <c r="A14" s="16">
        <v>13</v>
      </c>
      <c r="B14" s="12">
        <v>1670103850</v>
      </c>
      <c r="C14" s="16" t="s">
        <v>855</v>
      </c>
      <c r="D14" s="12">
        <v>9300035</v>
      </c>
      <c r="E14" s="16" t="s">
        <v>428</v>
      </c>
      <c r="F14" s="24" t="s">
        <v>1082</v>
      </c>
      <c r="G14" s="12" t="s">
        <v>118</v>
      </c>
      <c r="H14" s="12" t="s">
        <v>118</v>
      </c>
      <c r="I14" s="12" t="s">
        <v>407</v>
      </c>
      <c r="J14" s="12" t="s">
        <v>409</v>
      </c>
      <c r="K14" s="138">
        <v>38838</v>
      </c>
    </row>
    <row r="15" spans="1:11" ht="26.25" customHeight="1" x14ac:dyDescent="0.15">
      <c r="A15" s="16">
        <v>14</v>
      </c>
      <c r="B15" s="12">
        <v>1670104171</v>
      </c>
      <c r="C15" s="16" t="s">
        <v>938</v>
      </c>
      <c r="D15" s="12">
        <v>9300992</v>
      </c>
      <c r="E15" s="16" t="s">
        <v>1301</v>
      </c>
      <c r="F15" s="24" t="s">
        <v>1180</v>
      </c>
      <c r="G15" s="12" t="s">
        <v>118</v>
      </c>
      <c r="H15" s="12" t="s">
        <v>118</v>
      </c>
      <c r="I15" s="12" t="s">
        <v>722</v>
      </c>
      <c r="J15" s="12" t="s">
        <v>875</v>
      </c>
      <c r="K15" s="138">
        <v>39114</v>
      </c>
    </row>
    <row r="16" spans="1:11" ht="26.25" customHeight="1" x14ac:dyDescent="0.15">
      <c r="A16" s="16">
        <v>15</v>
      </c>
      <c r="B16" s="12">
        <v>1670104627</v>
      </c>
      <c r="C16" s="16" t="s">
        <v>990</v>
      </c>
      <c r="D16" s="12">
        <v>9398211</v>
      </c>
      <c r="E16" s="16" t="s">
        <v>281</v>
      </c>
      <c r="F16" s="24" t="s">
        <v>46</v>
      </c>
      <c r="G16" s="12" t="s">
        <v>118</v>
      </c>
      <c r="H16" s="12" t="s">
        <v>118</v>
      </c>
      <c r="I16" s="12" t="s">
        <v>677</v>
      </c>
      <c r="J16" s="12" t="s">
        <v>676</v>
      </c>
      <c r="K16" s="138">
        <v>39539</v>
      </c>
    </row>
    <row r="17" spans="1:11" ht="26.25" customHeight="1" x14ac:dyDescent="0.15">
      <c r="A17" s="16">
        <v>16</v>
      </c>
      <c r="B17" s="12">
        <v>1670105053</v>
      </c>
      <c r="C17" s="16" t="s">
        <v>683</v>
      </c>
      <c r="D17" s="12">
        <v>9300835</v>
      </c>
      <c r="E17" s="16" t="s">
        <v>1875</v>
      </c>
      <c r="F17" s="24" t="s">
        <v>1173</v>
      </c>
      <c r="G17" s="12" t="s">
        <v>118</v>
      </c>
      <c r="H17" s="12" t="s">
        <v>118</v>
      </c>
      <c r="I17" s="97" t="s">
        <v>1890</v>
      </c>
      <c r="J17" s="97" t="s">
        <v>67</v>
      </c>
      <c r="K17" s="138">
        <v>40238</v>
      </c>
    </row>
    <row r="18" spans="1:11" ht="26.25" customHeight="1" x14ac:dyDescent="0.15">
      <c r="A18" s="16">
        <v>17</v>
      </c>
      <c r="B18" s="12">
        <v>1670112083</v>
      </c>
      <c r="C18" s="16" t="s">
        <v>639</v>
      </c>
      <c r="D18" s="12">
        <v>9300992</v>
      </c>
      <c r="E18" s="16" t="s">
        <v>1239</v>
      </c>
      <c r="F18" s="24" t="s">
        <v>1180</v>
      </c>
      <c r="G18" s="12" t="s">
        <v>118</v>
      </c>
      <c r="H18" s="12" t="s">
        <v>118</v>
      </c>
      <c r="I18" s="194" t="s">
        <v>657</v>
      </c>
      <c r="J18" s="97" t="s">
        <v>422</v>
      </c>
      <c r="K18" s="138">
        <v>41122</v>
      </c>
    </row>
    <row r="19" spans="1:11" ht="26.25" customHeight="1" x14ac:dyDescent="0.15">
      <c r="A19" s="16">
        <v>18</v>
      </c>
      <c r="B19" s="12">
        <v>1670113107</v>
      </c>
      <c r="C19" s="16" t="s">
        <v>1189</v>
      </c>
      <c r="D19" s="12">
        <v>9398214</v>
      </c>
      <c r="E19" s="16" t="s">
        <v>805</v>
      </c>
      <c r="F19" s="24" t="s">
        <v>1163</v>
      </c>
      <c r="G19" s="12" t="s">
        <v>118</v>
      </c>
      <c r="H19" s="12" t="s">
        <v>118</v>
      </c>
      <c r="I19" s="12" t="s">
        <v>231</v>
      </c>
      <c r="J19" s="24" t="s">
        <v>355</v>
      </c>
      <c r="K19" s="138">
        <v>41852</v>
      </c>
    </row>
    <row r="20" spans="1:11" ht="26.25" customHeight="1" x14ac:dyDescent="0.15">
      <c r="A20" s="16">
        <v>19</v>
      </c>
      <c r="B20" s="12">
        <v>1670113750</v>
      </c>
      <c r="C20" s="16" t="s">
        <v>217</v>
      </c>
      <c r="D20" s="12">
        <v>9398211</v>
      </c>
      <c r="E20" s="16" t="s">
        <v>1434</v>
      </c>
      <c r="F20" s="24" t="s">
        <v>46</v>
      </c>
      <c r="G20" s="12" t="s">
        <v>118</v>
      </c>
      <c r="H20" s="12" t="s">
        <v>118</v>
      </c>
      <c r="I20" s="12" t="s">
        <v>1432</v>
      </c>
      <c r="J20" s="24" t="s">
        <v>79</v>
      </c>
      <c r="K20" s="138">
        <v>42552</v>
      </c>
    </row>
    <row r="21" spans="1:11" customFormat="1" ht="26.25" customHeight="1" x14ac:dyDescent="0.15">
      <c r="A21" s="16">
        <v>20</v>
      </c>
      <c r="B21" s="12">
        <v>1670114386</v>
      </c>
      <c r="C21" s="16" t="s">
        <v>866</v>
      </c>
      <c r="D21" s="12">
        <v>9300992</v>
      </c>
      <c r="E21" s="193" t="s">
        <v>204</v>
      </c>
      <c r="F21" s="24" t="s">
        <v>1180</v>
      </c>
      <c r="G21" s="12" t="s">
        <v>118</v>
      </c>
      <c r="H21" s="12" t="s">
        <v>118</v>
      </c>
      <c r="I21" s="24" t="s">
        <v>1429</v>
      </c>
      <c r="J21" s="12" t="s">
        <v>1273</v>
      </c>
      <c r="K21" s="197">
        <v>43344</v>
      </c>
    </row>
    <row r="22" spans="1:11" ht="26.25" customHeight="1" x14ac:dyDescent="0.15">
      <c r="A22" s="16">
        <v>21</v>
      </c>
      <c r="B22" s="12">
        <v>1670114428</v>
      </c>
      <c r="C22" s="16" t="s">
        <v>1686</v>
      </c>
      <c r="D22" s="12">
        <v>9300151</v>
      </c>
      <c r="E22" s="68" t="s">
        <v>2138</v>
      </c>
      <c r="F22" s="24" t="s">
        <v>308</v>
      </c>
      <c r="G22" s="12" t="s">
        <v>118</v>
      </c>
      <c r="H22" s="12" t="s">
        <v>118</v>
      </c>
      <c r="I22" s="24" t="s">
        <v>1243</v>
      </c>
      <c r="J22" s="12" t="s">
        <v>1689</v>
      </c>
      <c r="K22" s="197">
        <v>43435</v>
      </c>
    </row>
    <row r="23" spans="1:11" ht="26.25" customHeight="1" x14ac:dyDescent="0.15">
      <c r="A23" s="16">
        <v>22</v>
      </c>
      <c r="B23" s="12">
        <v>1670114519</v>
      </c>
      <c r="C23" s="16" t="s">
        <v>1695</v>
      </c>
      <c r="D23" s="12">
        <v>9398215</v>
      </c>
      <c r="E23" s="68" t="s">
        <v>1231</v>
      </c>
      <c r="F23" s="24" t="s">
        <v>46</v>
      </c>
      <c r="G23" s="12" t="s">
        <v>118</v>
      </c>
      <c r="H23" s="12" t="s">
        <v>118</v>
      </c>
      <c r="I23" s="24" t="s">
        <v>237</v>
      </c>
      <c r="J23" s="12" t="s">
        <v>1370</v>
      </c>
      <c r="K23" s="197">
        <v>43497</v>
      </c>
    </row>
    <row r="24" spans="1:11" customFormat="1" ht="26.25" customHeight="1" x14ac:dyDescent="0.15">
      <c r="A24" s="16">
        <v>23</v>
      </c>
      <c r="B24" s="12">
        <v>1670114576</v>
      </c>
      <c r="C24" s="16" t="s">
        <v>955</v>
      </c>
      <c r="D24" s="12">
        <v>9300138</v>
      </c>
      <c r="E24" s="68" t="s">
        <v>1704</v>
      </c>
      <c r="F24" s="24" t="s">
        <v>55</v>
      </c>
      <c r="G24" s="12" t="s">
        <v>118</v>
      </c>
      <c r="H24" s="12" t="s">
        <v>118</v>
      </c>
      <c r="I24" s="24" t="s">
        <v>1729</v>
      </c>
      <c r="J24" s="12" t="s">
        <v>801</v>
      </c>
      <c r="K24" s="197">
        <v>43556</v>
      </c>
    </row>
    <row r="25" spans="1:11" customFormat="1" ht="26.25" customHeight="1" x14ac:dyDescent="0.15">
      <c r="A25" s="16">
        <v>24</v>
      </c>
      <c r="B25" s="12">
        <v>1670114634</v>
      </c>
      <c r="C25" s="16" t="s">
        <v>1742</v>
      </c>
      <c r="D25" s="12">
        <v>9300835</v>
      </c>
      <c r="E25" s="68" t="s">
        <v>317</v>
      </c>
      <c r="F25" s="24" t="s">
        <v>1173</v>
      </c>
      <c r="G25" s="12" t="s">
        <v>118</v>
      </c>
      <c r="H25" s="12" t="s">
        <v>118</v>
      </c>
      <c r="I25" s="24" t="s">
        <v>346</v>
      </c>
      <c r="J25" s="12" t="s">
        <v>1709</v>
      </c>
      <c r="K25" s="197">
        <v>43586</v>
      </c>
    </row>
    <row r="26" spans="1:11" ht="26.25" customHeight="1" x14ac:dyDescent="0.15">
      <c r="A26" s="16">
        <v>25</v>
      </c>
      <c r="B26" s="12">
        <v>1670114741</v>
      </c>
      <c r="C26" s="16" t="s">
        <v>1740</v>
      </c>
      <c r="D26" s="12">
        <v>9398202</v>
      </c>
      <c r="E26" s="68" t="s">
        <v>769</v>
      </c>
      <c r="F26" s="24" t="s">
        <v>796</v>
      </c>
      <c r="G26" s="12" t="s">
        <v>118</v>
      </c>
      <c r="H26" s="12" t="s">
        <v>118</v>
      </c>
      <c r="I26" s="24" t="s">
        <v>1033</v>
      </c>
      <c r="J26" s="24" t="s">
        <v>1511</v>
      </c>
      <c r="K26" s="197">
        <v>43831</v>
      </c>
    </row>
    <row r="27" spans="1:11" ht="26.25" customHeight="1" x14ac:dyDescent="0.15">
      <c r="A27" s="16">
        <v>26</v>
      </c>
      <c r="B27" s="12">
        <v>1670114865</v>
      </c>
      <c r="C27" s="16" t="s">
        <v>1755</v>
      </c>
      <c r="D27" s="12">
        <v>9392716</v>
      </c>
      <c r="E27" s="68" t="s">
        <v>1382</v>
      </c>
      <c r="F27" s="24" t="s">
        <v>1754</v>
      </c>
      <c r="G27" s="12" t="s">
        <v>118</v>
      </c>
      <c r="H27" s="12" t="s">
        <v>118</v>
      </c>
      <c r="I27" s="24" t="s">
        <v>1409</v>
      </c>
      <c r="J27" s="24" t="s">
        <v>1756</v>
      </c>
      <c r="K27" s="197">
        <v>43922</v>
      </c>
    </row>
    <row r="28" spans="1:11" ht="26.25" customHeight="1" x14ac:dyDescent="0.15">
      <c r="A28" s="16">
        <v>27</v>
      </c>
      <c r="B28" s="12">
        <v>1670115144</v>
      </c>
      <c r="C28" s="16" t="s">
        <v>1675</v>
      </c>
      <c r="D28" s="12">
        <v>9302243</v>
      </c>
      <c r="E28" s="68" t="s">
        <v>1463</v>
      </c>
      <c r="F28" s="24" t="s">
        <v>1305</v>
      </c>
      <c r="G28" s="12" t="s">
        <v>118</v>
      </c>
      <c r="H28" s="12" t="s">
        <v>118</v>
      </c>
      <c r="I28" s="24" t="s">
        <v>1818</v>
      </c>
      <c r="J28" s="24" t="s">
        <v>1596</v>
      </c>
      <c r="K28" s="197">
        <v>44562</v>
      </c>
    </row>
    <row r="29" spans="1:11" ht="26.25" customHeight="1" x14ac:dyDescent="0.15">
      <c r="A29" s="16">
        <v>28</v>
      </c>
      <c r="B29" s="12">
        <v>1670115151</v>
      </c>
      <c r="C29" s="16" t="s">
        <v>239</v>
      </c>
      <c r="D29" s="12">
        <v>9300859</v>
      </c>
      <c r="E29" s="68" t="s">
        <v>1570</v>
      </c>
      <c r="F29" s="24" t="s">
        <v>1470</v>
      </c>
      <c r="G29" s="12" t="s">
        <v>118</v>
      </c>
      <c r="H29" s="12" t="s">
        <v>118</v>
      </c>
      <c r="I29" s="24" t="s">
        <v>973</v>
      </c>
      <c r="J29" s="24" t="s">
        <v>1571</v>
      </c>
      <c r="K29" s="197">
        <v>44593</v>
      </c>
    </row>
    <row r="30" spans="1:11" ht="26.25" customHeight="1" x14ac:dyDescent="0.15">
      <c r="A30" s="16">
        <v>29</v>
      </c>
      <c r="B30" s="12">
        <v>1670115193</v>
      </c>
      <c r="C30" s="16" t="s">
        <v>1567</v>
      </c>
      <c r="D30" s="12">
        <v>9398263</v>
      </c>
      <c r="E30" s="68" t="s">
        <v>595</v>
      </c>
      <c r="F30" s="24" t="s">
        <v>748</v>
      </c>
      <c r="G30" s="12" t="s">
        <v>118</v>
      </c>
      <c r="H30" s="12" t="s">
        <v>118</v>
      </c>
      <c r="I30" s="24" t="s">
        <v>87</v>
      </c>
      <c r="J30" s="24" t="s">
        <v>1395</v>
      </c>
      <c r="K30" s="197">
        <v>44743</v>
      </c>
    </row>
    <row r="31" spans="1:11" ht="26.25" customHeight="1" x14ac:dyDescent="0.15">
      <c r="A31" s="16">
        <v>30</v>
      </c>
      <c r="B31" s="12">
        <v>1670115268</v>
      </c>
      <c r="C31" s="16" t="s">
        <v>1882</v>
      </c>
      <c r="D31" s="12">
        <v>9398071</v>
      </c>
      <c r="E31" s="16" t="s">
        <v>1066</v>
      </c>
      <c r="F31" s="12" t="s">
        <v>1163</v>
      </c>
      <c r="G31" s="12" t="s">
        <v>118</v>
      </c>
      <c r="H31" s="12" t="s">
        <v>118</v>
      </c>
      <c r="I31" s="12" t="s">
        <v>91</v>
      </c>
      <c r="J31" s="12" t="s">
        <v>1884</v>
      </c>
      <c r="K31" s="138">
        <v>44927</v>
      </c>
    </row>
    <row r="32" spans="1:11" x14ac:dyDescent="0.15">
      <c r="B32" s="44"/>
    </row>
    <row r="33" spans="2:2" x14ac:dyDescent="0.15">
      <c r="B33" s="44"/>
    </row>
    <row r="34" spans="2:2" x14ac:dyDescent="0.15">
      <c r="B34" s="44"/>
    </row>
    <row r="35" spans="2:2" x14ac:dyDescent="0.15">
      <c r="B35" s="44"/>
    </row>
    <row r="36" spans="2:2" x14ac:dyDescent="0.15">
      <c r="B36" s="44"/>
    </row>
    <row r="37" spans="2:2" x14ac:dyDescent="0.15">
      <c r="B37" s="44"/>
    </row>
    <row r="38" spans="2:2" x14ac:dyDescent="0.15">
      <c r="B38" s="44"/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70" fitToHeight="0" orientation="landscape" r:id="rId1"/>
  <headerFooter alignWithMargins="0">
    <oddHeader>&amp;C&amp;14特定福祉用具販売事業所一覧</oddHeader>
    <oddFooter>&amp;C&amp;P&amp;R(&amp;A)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36">
    <tabColor theme="9"/>
    <pageSetUpPr fitToPage="1"/>
  </sheetPr>
  <dimension ref="A1:AC124"/>
  <sheetViews>
    <sheetView view="pageBreakPreview" zoomScaleNormal="70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51.625" style="1" customWidth="1"/>
    <col min="4" max="4" width="10.625" style="1" customWidth="1"/>
    <col min="5" max="5" width="50.125" style="1" customWidth="1"/>
    <col min="6" max="6" width="10.625" style="5" customWidth="1"/>
    <col min="7" max="8" width="15.625" style="1" customWidth="1"/>
    <col min="9" max="9" width="9.625" style="37" customWidth="1"/>
    <col min="10" max="16384" width="9" style="1"/>
  </cols>
  <sheetData>
    <row r="1" spans="1:9" s="5" customFormat="1" ht="36.950000000000003" customHeight="1" x14ac:dyDescent="0.15">
      <c r="A1" s="38"/>
      <c r="B1" s="38" t="s">
        <v>285</v>
      </c>
      <c r="C1" s="38" t="s">
        <v>530</v>
      </c>
      <c r="D1" s="38" t="s">
        <v>1866</v>
      </c>
      <c r="E1" s="38" t="s">
        <v>830</v>
      </c>
      <c r="F1" s="38" t="s">
        <v>1155</v>
      </c>
      <c r="G1" s="38" t="s">
        <v>832</v>
      </c>
      <c r="H1" s="143" t="s">
        <v>1726</v>
      </c>
      <c r="I1" s="132" t="s">
        <v>182</v>
      </c>
    </row>
    <row r="2" spans="1:9" ht="26.25" customHeight="1" x14ac:dyDescent="0.15">
      <c r="A2" s="78">
        <v>1</v>
      </c>
      <c r="B2" s="64">
        <v>1670100567</v>
      </c>
      <c r="C2" s="78" t="s">
        <v>1012</v>
      </c>
      <c r="D2" s="64">
        <v>9300085</v>
      </c>
      <c r="E2" s="78" t="s">
        <v>84</v>
      </c>
      <c r="F2" s="38" t="s">
        <v>549</v>
      </c>
      <c r="G2" s="64" t="s">
        <v>819</v>
      </c>
      <c r="H2" s="64" t="s">
        <v>584</v>
      </c>
      <c r="I2" s="134">
        <v>36356</v>
      </c>
    </row>
    <row r="3" spans="1:9" ht="26.25" customHeight="1" x14ac:dyDescent="0.15">
      <c r="A3" s="78">
        <v>2</v>
      </c>
      <c r="B3" s="64">
        <v>1670100104</v>
      </c>
      <c r="C3" s="78" t="s">
        <v>63</v>
      </c>
      <c r="D3" s="64">
        <v>9398222</v>
      </c>
      <c r="E3" s="78" t="s">
        <v>331</v>
      </c>
      <c r="F3" s="38" t="s">
        <v>1163</v>
      </c>
      <c r="G3" s="64" t="s">
        <v>846</v>
      </c>
      <c r="H3" s="64" t="s">
        <v>356</v>
      </c>
      <c r="I3" s="134">
        <v>36356</v>
      </c>
    </row>
    <row r="4" spans="1:9" ht="26.25" customHeight="1" x14ac:dyDescent="0.15">
      <c r="A4" s="78">
        <v>3</v>
      </c>
      <c r="B4" s="64">
        <v>1670100013</v>
      </c>
      <c r="C4" s="78" t="s">
        <v>979</v>
      </c>
      <c r="D4" s="64">
        <v>9300142</v>
      </c>
      <c r="E4" s="78" t="s">
        <v>612</v>
      </c>
      <c r="F4" s="38" t="s">
        <v>55</v>
      </c>
      <c r="G4" s="64" t="s">
        <v>940</v>
      </c>
      <c r="H4" s="64" t="s">
        <v>260</v>
      </c>
      <c r="I4" s="134">
        <v>36356</v>
      </c>
    </row>
    <row r="5" spans="1:9" ht="26.25" customHeight="1" x14ac:dyDescent="0.15">
      <c r="A5" s="78">
        <v>4</v>
      </c>
      <c r="B5" s="64">
        <v>1670100088</v>
      </c>
      <c r="C5" s="78" t="s">
        <v>682</v>
      </c>
      <c r="D5" s="64">
        <v>9318435</v>
      </c>
      <c r="E5" s="78" t="s">
        <v>808</v>
      </c>
      <c r="F5" s="38" t="s">
        <v>1101</v>
      </c>
      <c r="G5" s="64" t="s">
        <v>680</v>
      </c>
      <c r="H5" s="64" t="s">
        <v>736</v>
      </c>
      <c r="I5" s="134">
        <v>36356</v>
      </c>
    </row>
    <row r="6" spans="1:9" ht="26.25" customHeight="1" x14ac:dyDescent="0.15">
      <c r="A6" s="78">
        <v>5</v>
      </c>
      <c r="B6" s="64">
        <v>1670100112</v>
      </c>
      <c r="C6" s="78" t="s">
        <v>873</v>
      </c>
      <c r="D6" s="64">
        <v>9318412</v>
      </c>
      <c r="E6" s="78" t="s">
        <v>136</v>
      </c>
      <c r="F6" s="38" t="s">
        <v>186</v>
      </c>
      <c r="G6" s="64" t="s">
        <v>806</v>
      </c>
      <c r="H6" s="64" t="s">
        <v>688</v>
      </c>
      <c r="I6" s="134">
        <v>36356</v>
      </c>
    </row>
    <row r="7" spans="1:9" ht="26.25" customHeight="1" x14ac:dyDescent="0.15">
      <c r="A7" s="78">
        <v>6</v>
      </c>
      <c r="B7" s="64">
        <v>1670100120</v>
      </c>
      <c r="C7" s="78" t="s">
        <v>1062</v>
      </c>
      <c r="D7" s="64">
        <v>9398025</v>
      </c>
      <c r="E7" s="78" t="s">
        <v>1609</v>
      </c>
      <c r="F7" s="38" t="s">
        <v>791</v>
      </c>
      <c r="G7" s="64" t="s">
        <v>146</v>
      </c>
      <c r="H7" s="64" t="s">
        <v>1746</v>
      </c>
      <c r="I7" s="134">
        <v>36356</v>
      </c>
    </row>
    <row r="8" spans="1:9" ht="26.25" customHeight="1" x14ac:dyDescent="0.15">
      <c r="A8" s="78">
        <v>7</v>
      </c>
      <c r="B8" s="64">
        <v>1670100146</v>
      </c>
      <c r="C8" s="78" t="s">
        <v>904</v>
      </c>
      <c r="D8" s="64">
        <v>9393515</v>
      </c>
      <c r="E8" s="78" t="s">
        <v>1355</v>
      </c>
      <c r="F8" s="38" t="s">
        <v>1200</v>
      </c>
      <c r="G8" s="64" t="s">
        <v>958</v>
      </c>
      <c r="H8" s="64" t="s">
        <v>1820</v>
      </c>
      <c r="I8" s="134">
        <v>36356</v>
      </c>
    </row>
    <row r="9" spans="1:9" ht="26.25" customHeight="1" x14ac:dyDescent="0.15">
      <c r="A9" s="78">
        <v>8</v>
      </c>
      <c r="B9" s="64">
        <v>1670100054</v>
      </c>
      <c r="C9" s="78" t="s">
        <v>1004</v>
      </c>
      <c r="D9" s="64">
        <v>9398281</v>
      </c>
      <c r="E9" s="78" t="s">
        <v>1052</v>
      </c>
      <c r="F9" s="38" t="s">
        <v>46</v>
      </c>
      <c r="G9" s="64" t="s">
        <v>128</v>
      </c>
      <c r="H9" s="64" t="s">
        <v>504</v>
      </c>
      <c r="I9" s="134">
        <v>36356</v>
      </c>
    </row>
    <row r="10" spans="1:9" ht="26.25" customHeight="1" x14ac:dyDescent="0.15">
      <c r="A10" s="78">
        <v>9</v>
      </c>
      <c r="B10" s="64">
        <v>1670100971</v>
      </c>
      <c r="C10" s="78" t="s">
        <v>913</v>
      </c>
      <c r="D10" s="64">
        <v>9398132</v>
      </c>
      <c r="E10" s="78" t="s">
        <v>960</v>
      </c>
      <c r="F10" s="38" t="s">
        <v>227</v>
      </c>
      <c r="G10" s="64" t="s">
        <v>526</v>
      </c>
      <c r="H10" s="64" t="s">
        <v>112</v>
      </c>
      <c r="I10" s="134">
        <v>36356</v>
      </c>
    </row>
    <row r="11" spans="1:9" ht="26.25" customHeight="1" x14ac:dyDescent="0.15">
      <c r="A11" s="78">
        <v>10</v>
      </c>
      <c r="B11" s="64">
        <v>1660190016</v>
      </c>
      <c r="C11" s="78" t="s">
        <v>1559</v>
      </c>
      <c r="D11" s="64">
        <v>9318314</v>
      </c>
      <c r="E11" s="78" t="s">
        <v>1611</v>
      </c>
      <c r="F11" s="38" t="s">
        <v>1156</v>
      </c>
      <c r="G11" s="64" t="s">
        <v>695</v>
      </c>
      <c r="H11" s="64" t="s">
        <v>998</v>
      </c>
      <c r="I11" s="134">
        <v>36356</v>
      </c>
    </row>
    <row r="12" spans="1:9" ht="26.25" customHeight="1" x14ac:dyDescent="0.15">
      <c r="A12" s="78">
        <v>11</v>
      </c>
      <c r="B12" s="64">
        <v>1670100914</v>
      </c>
      <c r="C12" s="78" t="s">
        <v>1024</v>
      </c>
      <c r="D12" s="64">
        <v>9300974</v>
      </c>
      <c r="E12" s="78" t="s">
        <v>1307</v>
      </c>
      <c r="F12" s="38" t="s">
        <v>1151</v>
      </c>
      <c r="G12" s="64" t="s">
        <v>803</v>
      </c>
      <c r="H12" s="64" t="s">
        <v>739</v>
      </c>
      <c r="I12" s="134">
        <v>36356</v>
      </c>
    </row>
    <row r="13" spans="1:9" ht="26.25" customHeight="1" x14ac:dyDescent="0.15">
      <c r="A13" s="78">
        <v>12</v>
      </c>
      <c r="B13" s="64">
        <v>1670100963</v>
      </c>
      <c r="C13" s="78" t="s">
        <v>1011</v>
      </c>
      <c r="D13" s="64">
        <v>9398178</v>
      </c>
      <c r="E13" s="78" t="s">
        <v>1009</v>
      </c>
      <c r="F13" s="38" t="s">
        <v>1178</v>
      </c>
      <c r="G13" s="64" t="s">
        <v>468</v>
      </c>
      <c r="H13" s="64" t="s">
        <v>470</v>
      </c>
      <c r="I13" s="134">
        <v>36356</v>
      </c>
    </row>
    <row r="14" spans="1:9" ht="26.25" customHeight="1" x14ac:dyDescent="0.15">
      <c r="A14" s="78">
        <v>13</v>
      </c>
      <c r="B14" s="64">
        <v>1671500112</v>
      </c>
      <c r="C14" s="78" t="s">
        <v>326</v>
      </c>
      <c r="D14" s="64">
        <v>9301326</v>
      </c>
      <c r="E14" s="78" t="s">
        <v>1398</v>
      </c>
      <c r="F14" s="38" t="s">
        <v>723</v>
      </c>
      <c r="G14" s="64" t="s">
        <v>767</v>
      </c>
      <c r="H14" s="64" t="s">
        <v>770</v>
      </c>
      <c r="I14" s="134">
        <v>36356</v>
      </c>
    </row>
    <row r="15" spans="1:9" ht="26.25" customHeight="1" x14ac:dyDescent="0.15">
      <c r="A15" s="78">
        <v>14</v>
      </c>
      <c r="B15" s="64">
        <v>1671800017</v>
      </c>
      <c r="C15" s="78" t="s">
        <v>670</v>
      </c>
      <c r="D15" s="64">
        <v>9392712</v>
      </c>
      <c r="E15" s="78" t="s">
        <v>500</v>
      </c>
      <c r="F15" s="38" t="s">
        <v>1161</v>
      </c>
      <c r="G15" s="64" t="s">
        <v>630</v>
      </c>
      <c r="H15" s="64" t="s">
        <v>177</v>
      </c>
      <c r="I15" s="134">
        <v>36356</v>
      </c>
    </row>
    <row r="16" spans="1:9" ht="26.25" customHeight="1" x14ac:dyDescent="0.15">
      <c r="A16" s="78">
        <v>15</v>
      </c>
      <c r="B16" s="64">
        <v>1671500021</v>
      </c>
      <c r="C16" s="78" t="s">
        <v>541</v>
      </c>
      <c r="D16" s="64">
        <v>9301326</v>
      </c>
      <c r="E16" s="78" t="s">
        <v>302</v>
      </c>
      <c r="F16" s="38" t="s">
        <v>723</v>
      </c>
      <c r="G16" s="64" t="s">
        <v>762</v>
      </c>
      <c r="H16" s="64" t="s">
        <v>672</v>
      </c>
      <c r="I16" s="134">
        <v>36356</v>
      </c>
    </row>
    <row r="17" spans="1:9" ht="26.25" customHeight="1" x14ac:dyDescent="0.15">
      <c r="A17" s="78">
        <v>16</v>
      </c>
      <c r="B17" s="64">
        <v>1660190081</v>
      </c>
      <c r="C17" s="78" t="s">
        <v>724</v>
      </c>
      <c r="D17" s="64">
        <v>9300885</v>
      </c>
      <c r="E17" s="78" t="s">
        <v>305</v>
      </c>
      <c r="F17" s="38" t="s">
        <v>599</v>
      </c>
      <c r="G17" s="64" t="s">
        <v>823</v>
      </c>
      <c r="H17" s="64" t="s">
        <v>821</v>
      </c>
      <c r="I17" s="134">
        <v>36356</v>
      </c>
    </row>
    <row r="18" spans="1:9" ht="26.25" customHeight="1" x14ac:dyDescent="0.15">
      <c r="A18" s="78">
        <v>17</v>
      </c>
      <c r="B18" s="64">
        <v>1670100559</v>
      </c>
      <c r="C18" s="78" t="s">
        <v>2035</v>
      </c>
      <c r="D18" s="64">
        <v>9398271</v>
      </c>
      <c r="E18" s="78" t="s">
        <v>484</v>
      </c>
      <c r="F18" s="38" t="s">
        <v>1952</v>
      </c>
      <c r="G18" s="64" t="s">
        <v>196</v>
      </c>
      <c r="H18" s="64" t="s">
        <v>121</v>
      </c>
      <c r="I18" s="134">
        <v>36356</v>
      </c>
    </row>
    <row r="19" spans="1:9" ht="26.25" customHeight="1" x14ac:dyDescent="0.15">
      <c r="A19" s="78">
        <v>18</v>
      </c>
      <c r="B19" s="64">
        <v>1670100161</v>
      </c>
      <c r="C19" s="78" t="s">
        <v>901</v>
      </c>
      <c r="D19" s="64">
        <v>9300016</v>
      </c>
      <c r="E19" s="78" t="s">
        <v>147</v>
      </c>
      <c r="F19" s="38" t="s">
        <v>1174</v>
      </c>
      <c r="G19" s="64" t="s">
        <v>211</v>
      </c>
      <c r="H19" s="64" t="s">
        <v>606</v>
      </c>
      <c r="I19" s="134">
        <v>36389</v>
      </c>
    </row>
    <row r="20" spans="1:9" ht="26.25" customHeight="1" x14ac:dyDescent="0.15">
      <c r="A20" s="78">
        <v>19</v>
      </c>
      <c r="B20" s="64">
        <v>1670100179</v>
      </c>
      <c r="C20" s="78" t="s">
        <v>393</v>
      </c>
      <c r="D20" s="64">
        <v>9300891</v>
      </c>
      <c r="E20" s="78" t="s">
        <v>397</v>
      </c>
      <c r="F20" s="38" t="s">
        <v>202</v>
      </c>
      <c r="G20" s="64" t="s">
        <v>1612</v>
      </c>
      <c r="H20" s="64" t="s">
        <v>1369</v>
      </c>
      <c r="I20" s="134">
        <v>36389</v>
      </c>
    </row>
    <row r="21" spans="1:9" ht="26.25" customHeight="1" x14ac:dyDescent="0.15">
      <c r="A21" s="78">
        <v>20</v>
      </c>
      <c r="B21" s="64">
        <v>1670100922</v>
      </c>
      <c r="C21" s="78" t="s">
        <v>836</v>
      </c>
      <c r="D21" s="64">
        <v>9398134</v>
      </c>
      <c r="E21" s="78" t="s">
        <v>802</v>
      </c>
      <c r="F21" s="38" t="s">
        <v>227</v>
      </c>
      <c r="G21" s="64" t="s">
        <v>632</v>
      </c>
      <c r="H21" s="64" t="s">
        <v>322</v>
      </c>
      <c r="I21" s="134">
        <v>36389</v>
      </c>
    </row>
    <row r="22" spans="1:9" ht="26.25" customHeight="1" x14ac:dyDescent="0.15">
      <c r="A22" s="78">
        <v>21</v>
      </c>
      <c r="B22" s="64">
        <v>1670100930</v>
      </c>
      <c r="C22" s="78" t="s">
        <v>10</v>
      </c>
      <c r="D22" s="64">
        <v>9398183</v>
      </c>
      <c r="E22" s="78" t="s">
        <v>800</v>
      </c>
      <c r="F22" s="38" t="s">
        <v>1165</v>
      </c>
      <c r="G22" s="64" t="s">
        <v>387</v>
      </c>
      <c r="H22" s="64" t="s">
        <v>389</v>
      </c>
      <c r="I22" s="134">
        <v>36389</v>
      </c>
    </row>
    <row r="23" spans="1:9" ht="26.25" customHeight="1" x14ac:dyDescent="0.15">
      <c r="A23" s="78">
        <v>22</v>
      </c>
      <c r="B23" s="64">
        <v>1671500062</v>
      </c>
      <c r="C23" s="78" t="s">
        <v>877</v>
      </c>
      <c r="D23" s="64">
        <v>9392201</v>
      </c>
      <c r="E23" s="78" t="s">
        <v>1541</v>
      </c>
      <c r="F23" s="38" t="s">
        <v>620</v>
      </c>
      <c r="G23" s="64" t="s">
        <v>77</v>
      </c>
      <c r="H23" s="64" t="s">
        <v>170</v>
      </c>
      <c r="I23" s="134">
        <v>36389</v>
      </c>
    </row>
    <row r="24" spans="1:9" ht="26.25" customHeight="1" x14ac:dyDescent="0.15">
      <c r="A24" s="78">
        <v>23</v>
      </c>
      <c r="B24" s="64">
        <v>1671800181</v>
      </c>
      <c r="C24" s="78" t="s">
        <v>516</v>
      </c>
      <c r="D24" s="64">
        <v>9392376</v>
      </c>
      <c r="E24" s="78" t="s">
        <v>965</v>
      </c>
      <c r="F24" s="38" t="s">
        <v>266</v>
      </c>
      <c r="G24" s="64" t="s">
        <v>1532</v>
      </c>
      <c r="H24" s="64" t="s">
        <v>1664</v>
      </c>
      <c r="I24" s="134">
        <v>36389</v>
      </c>
    </row>
    <row r="25" spans="1:9" ht="26.25" customHeight="1" x14ac:dyDescent="0.15">
      <c r="A25" s="78">
        <v>24</v>
      </c>
      <c r="B25" s="64">
        <v>1671500054</v>
      </c>
      <c r="C25" s="78" t="s">
        <v>1058</v>
      </c>
      <c r="D25" s="64">
        <v>9318336</v>
      </c>
      <c r="E25" s="78" t="s">
        <v>831</v>
      </c>
      <c r="F25" s="38" t="s">
        <v>658</v>
      </c>
      <c r="G25" s="64" t="s">
        <v>31</v>
      </c>
      <c r="H25" s="64" t="s">
        <v>596</v>
      </c>
      <c r="I25" s="134">
        <v>36389</v>
      </c>
    </row>
    <row r="26" spans="1:9" ht="26.25" customHeight="1" x14ac:dyDescent="0.15">
      <c r="A26" s="78">
        <v>25</v>
      </c>
      <c r="B26" s="64">
        <v>1671500203</v>
      </c>
      <c r="C26" s="78" t="s">
        <v>171</v>
      </c>
      <c r="D26" s="64">
        <v>9392256</v>
      </c>
      <c r="E26" s="78" t="s">
        <v>41</v>
      </c>
      <c r="F26" s="38" t="s">
        <v>620</v>
      </c>
      <c r="G26" s="64" t="s">
        <v>1613</v>
      </c>
      <c r="H26" s="64" t="s">
        <v>1393</v>
      </c>
      <c r="I26" s="134">
        <v>36410</v>
      </c>
    </row>
    <row r="27" spans="1:9" ht="26.25" customHeight="1" x14ac:dyDescent="0.15">
      <c r="A27" s="78">
        <v>26</v>
      </c>
      <c r="B27" s="64">
        <v>1670100211</v>
      </c>
      <c r="C27" s="78" t="s">
        <v>1037</v>
      </c>
      <c r="D27" s="64">
        <v>9300916</v>
      </c>
      <c r="E27" s="78" t="s">
        <v>506</v>
      </c>
      <c r="F27" s="38" t="s">
        <v>1167</v>
      </c>
      <c r="G27" s="64" t="s">
        <v>720</v>
      </c>
      <c r="H27" s="64" t="s">
        <v>448</v>
      </c>
      <c r="I27" s="134">
        <v>36410</v>
      </c>
    </row>
    <row r="28" spans="1:9" ht="26.25" customHeight="1" x14ac:dyDescent="0.15">
      <c r="A28" s="78">
        <v>27</v>
      </c>
      <c r="B28" s="64">
        <v>1661890002</v>
      </c>
      <c r="C28" s="78" t="s">
        <v>1124</v>
      </c>
      <c r="D28" s="64">
        <v>9392706</v>
      </c>
      <c r="E28" s="78" t="s">
        <v>882</v>
      </c>
      <c r="F28" s="38" t="s">
        <v>1161</v>
      </c>
      <c r="G28" s="64" t="s">
        <v>315</v>
      </c>
      <c r="H28" s="64" t="s">
        <v>201</v>
      </c>
      <c r="I28" s="134">
        <v>36410</v>
      </c>
    </row>
    <row r="29" spans="1:9" ht="26.25" customHeight="1" x14ac:dyDescent="0.15">
      <c r="A29" s="78">
        <v>28</v>
      </c>
      <c r="B29" s="64">
        <v>1670100203</v>
      </c>
      <c r="C29" s="78" t="s">
        <v>609</v>
      </c>
      <c r="D29" s="64">
        <v>9300142</v>
      </c>
      <c r="E29" s="78" t="s">
        <v>1615</v>
      </c>
      <c r="F29" s="38" t="s">
        <v>55</v>
      </c>
      <c r="G29" s="64" t="s">
        <v>1017</v>
      </c>
      <c r="H29" s="64" t="s">
        <v>616</v>
      </c>
      <c r="I29" s="134">
        <v>36410</v>
      </c>
    </row>
    <row r="30" spans="1:9" ht="26.25" customHeight="1" x14ac:dyDescent="0.15">
      <c r="A30" s="78">
        <v>29</v>
      </c>
      <c r="B30" s="64">
        <v>1670100328</v>
      </c>
      <c r="C30" s="78" t="s">
        <v>1003</v>
      </c>
      <c r="D30" s="64">
        <v>9300066</v>
      </c>
      <c r="E30" s="78" t="s">
        <v>232</v>
      </c>
      <c r="F30" s="38" t="s">
        <v>697</v>
      </c>
      <c r="G30" s="64" t="s">
        <v>959</v>
      </c>
      <c r="H30" s="64" t="s">
        <v>959</v>
      </c>
      <c r="I30" s="134">
        <v>36433</v>
      </c>
    </row>
    <row r="31" spans="1:9" ht="26.25" customHeight="1" x14ac:dyDescent="0.15">
      <c r="A31" s="78">
        <v>30</v>
      </c>
      <c r="B31" s="64">
        <v>1670100336</v>
      </c>
      <c r="C31" s="78" t="s">
        <v>32</v>
      </c>
      <c r="D31" s="64">
        <v>9302233</v>
      </c>
      <c r="E31" s="78" t="s">
        <v>844</v>
      </c>
      <c r="F31" s="38" t="s">
        <v>798</v>
      </c>
      <c r="G31" s="64" t="s">
        <v>164</v>
      </c>
      <c r="H31" s="64" t="s">
        <v>925</v>
      </c>
      <c r="I31" s="134">
        <v>36433</v>
      </c>
    </row>
    <row r="32" spans="1:9" ht="26.25" customHeight="1" x14ac:dyDescent="0.15">
      <c r="A32" s="78">
        <v>31</v>
      </c>
      <c r="B32" s="64">
        <v>1670100351</v>
      </c>
      <c r="C32" s="78" t="s">
        <v>619</v>
      </c>
      <c r="D32" s="64">
        <v>9300928</v>
      </c>
      <c r="E32" s="78" t="s">
        <v>810</v>
      </c>
      <c r="F32" s="38" t="s">
        <v>791</v>
      </c>
      <c r="G32" s="64" t="s">
        <v>449</v>
      </c>
      <c r="H32" s="64" t="s">
        <v>29</v>
      </c>
      <c r="I32" s="134">
        <v>36433</v>
      </c>
    </row>
    <row r="33" spans="1:9" ht="26.25" customHeight="1" x14ac:dyDescent="0.15">
      <c r="A33" s="78">
        <v>32</v>
      </c>
      <c r="B33" s="64">
        <v>1670100369</v>
      </c>
      <c r="C33" s="78" t="s">
        <v>1016</v>
      </c>
      <c r="D33" s="64">
        <v>9393515</v>
      </c>
      <c r="E33" s="78" t="s">
        <v>438</v>
      </c>
      <c r="F33" s="38" t="s">
        <v>822</v>
      </c>
      <c r="G33" s="64" t="s">
        <v>1747</v>
      </c>
      <c r="H33" s="64" t="s">
        <v>215</v>
      </c>
      <c r="I33" s="134">
        <v>36433</v>
      </c>
    </row>
    <row r="34" spans="1:9" ht="26.25" customHeight="1" x14ac:dyDescent="0.15">
      <c r="A34" s="78">
        <v>33</v>
      </c>
      <c r="B34" s="64">
        <v>1670100542</v>
      </c>
      <c r="C34" s="78" t="s">
        <v>156</v>
      </c>
      <c r="D34" s="64">
        <v>9300845</v>
      </c>
      <c r="E34" s="78" t="s">
        <v>997</v>
      </c>
      <c r="F34" s="38" t="s">
        <v>1180</v>
      </c>
      <c r="G34" s="64" t="s">
        <v>638</v>
      </c>
      <c r="H34" s="64" t="s">
        <v>641</v>
      </c>
      <c r="I34" s="134">
        <v>36570</v>
      </c>
    </row>
    <row r="35" spans="1:9" ht="26.25" customHeight="1" x14ac:dyDescent="0.15">
      <c r="A35" s="78">
        <v>34</v>
      </c>
      <c r="B35" s="12">
        <v>1670101367</v>
      </c>
      <c r="C35" s="16" t="s">
        <v>2121</v>
      </c>
      <c r="D35" s="12">
        <v>9398085</v>
      </c>
      <c r="E35" s="16" t="s">
        <v>2123</v>
      </c>
      <c r="F35" s="24" t="s">
        <v>2124</v>
      </c>
      <c r="G35" s="12" t="s">
        <v>2126</v>
      </c>
      <c r="H35" s="12" t="s">
        <v>312</v>
      </c>
      <c r="I35" s="202" t="s">
        <v>2127</v>
      </c>
    </row>
    <row r="36" spans="1:9" ht="26.25" customHeight="1" x14ac:dyDescent="0.15">
      <c r="A36" s="78">
        <v>35</v>
      </c>
      <c r="B36" s="64">
        <v>1670101656</v>
      </c>
      <c r="C36" s="78" t="s">
        <v>24</v>
      </c>
      <c r="D36" s="64">
        <v>9393535</v>
      </c>
      <c r="E36" s="78" t="s">
        <v>491</v>
      </c>
      <c r="F36" s="38" t="s">
        <v>760</v>
      </c>
      <c r="G36" s="64" t="s">
        <v>564</v>
      </c>
      <c r="H36" s="64" t="s">
        <v>562</v>
      </c>
      <c r="I36" s="134">
        <v>36830</v>
      </c>
    </row>
    <row r="37" spans="1:9" ht="26.25" customHeight="1" x14ac:dyDescent="0.15">
      <c r="A37" s="78">
        <v>36</v>
      </c>
      <c r="B37" s="64">
        <v>1671800223</v>
      </c>
      <c r="C37" s="78" t="s">
        <v>47</v>
      </c>
      <c r="D37" s="64">
        <v>9392717</v>
      </c>
      <c r="E37" s="78" t="s">
        <v>362</v>
      </c>
      <c r="F37" s="38" t="s">
        <v>1161</v>
      </c>
      <c r="G37" s="64" t="s">
        <v>453</v>
      </c>
      <c r="H37" s="64" t="s">
        <v>66</v>
      </c>
      <c r="I37" s="134">
        <v>37012</v>
      </c>
    </row>
    <row r="38" spans="1:9" ht="26.25" customHeight="1" x14ac:dyDescent="0.15">
      <c r="A38" s="78">
        <v>37</v>
      </c>
      <c r="B38" s="64">
        <v>1670101730</v>
      </c>
      <c r="C38" s="78" t="s">
        <v>1140</v>
      </c>
      <c r="D38" s="64">
        <v>9398252</v>
      </c>
      <c r="E38" s="78" t="s">
        <v>583</v>
      </c>
      <c r="F38" s="38" t="s">
        <v>748</v>
      </c>
      <c r="G38" s="64" t="s">
        <v>1354</v>
      </c>
      <c r="H38" s="64" t="s">
        <v>290</v>
      </c>
      <c r="I38" s="134">
        <v>37042</v>
      </c>
    </row>
    <row r="39" spans="1:9" ht="26.25" customHeight="1" x14ac:dyDescent="0.15">
      <c r="A39" s="78">
        <v>38</v>
      </c>
      <c r="B39" s="64">
        <v>1670101920</v>
      </c>
      <c r="C39" s="78" t="s">
        <v>1097</v>
      </c>
      <c r="D39" s="64">
        <v>9398121</v>
      </c>
      <c r="E39" s="78" t="s">
        <v>687</v>
      </c>
      <c r="F39" s="38" t="s">
        <v>1159</v>
      </c>
      <c r="G39" s="64" t="s">
        <v>385</v>
      </c>
      <c r="H39" s="64" t="s">
        <v>386</v>
      </c>
      <c r="I39" s="134">
        <v>37347</v>
      </c>
    </row>
    <row r="40" spans="1:9" ht="26.25" customHeight="1" x14ac:dyDescent="0.15">
      <c r="A40" s="78">
        <v>39</v>
      </c>
      <c r="B40" s="64">
        <v>1671800298</v>
      </c>
      <c r="C40" s="78" t="s">
        <v>684</v>
      </c>
      <c r="D40" s="64">
        <v>9392252</v>
      </c>
      <c r="E40" s="78" t="s">
        <v>993</v>
      </c>
      <c r="F40" s="38" t="s">
        <v>620</v>
      </c>
      <c r="G40" s="64" t="s">
        <v>1043</v>
      </c>
      <c r="H40" s="64" t="s">
        <v>698</v>
      </c>
      <c r="I40" s="134">
        <v>37347</v>
      </c>
    </row>
    <row r="41" spans="1:9" ht="26.25" customHeight="1" x14ac:dyDescent="0.15">
      <c r="A41" s="78">
        <v>40</v>
      </c>
      <c r="B41" s="64">
        <v>1671800215</v>
      </c>
      <c r="C41" s="78" t="s">
        <v>1046</v>
      </c>
      <c r="D41" s="64">
        <v>9392304</v>
      </c>
      <c r="E41" s="123" t="s">
        <v>45</v>
      </c>
      <c r="F41" s="38" t="s">
        <v>266</v>
      </c>
      <c r="G41" s="64" t="s">
        <v>250</v>
      </c>
      <c r="H41" s="64" t="s">
        <v>309</v>
      </c>
      <c r="I41" s="134">
        <v>37408</v>
      </c>
    </row>
    <row r="42" spans="1:9" ht="26.25" customHeight="1" x14ac:dyDescent="0.15">
      <c r="A42" s="78">
        <v>41</v>
      </c>
      <c r="B42" s="64">
        <v>1671500237</v>
      </c>
      <c r="C42" s="78" t="s">
        <v>1049</v>
      </c>
      <c r="D42" s="64">
        <v>9392226</v>
      </c>
      <c r="E42" s="78" t="s">
        <v>1185</v>
      </c>
      <c r="F42" s="38" t="s">
        <v>620</v>
      </c>
      <c r="G42" s="64" t="s">
        <v>303</v>
      </c>
      <c r="H42" s="64" t="s">
        <v>621</v>
      </c>
      <c r="I42" s="134">
        <v>37438</v>
      </c>
    </row>
    <row r="43" spans="1:9" ht="26.25" customHeight="1" x14ac:dyDescent="0.15">
      <c r="A43" s="78">
        <v>42</v>
      </c>
      <c r="B43" s="64">
        <v>1671800314</v>
      </c>
      <c r="C43" s="78" t="s">
        <v>926</v>
      </c>
      <c r="D43" s="64">
        <v>9392603</v>
      </c>
      <c r="E43" s="78" t="s">
        <v>1007</v>
      </c>
      <c r="F43" s="38" t="s">
        <v>1161</v>
      </c>
      <c r="G43" s="64" t="s">
        <v>790</v>
      </c>
      <c r="H43" s="64" t="s">
        <v>134</v>
      </c>
      <c r="I43" s="134">
        <v>37438</v>
      </c>
    </row>
    <row r="44" spans="1:9" ht="26.25" customHeight="1" x14ac:dyDescent="0.15">
      <c r="A44" s="78">
        <v>43</v>
      </c>
      <c r="B44" s="64">
        <v>1670102019</v>
      </c>
      <c r="C44" s="78" t="s">
        <v>513</v>
      </c>
      <c r="D44" s="64">
        <v>9300065</v>
      </c>
      <c r="E44" s="78" t="s">
        <v>829</v>
      </c>
      <c r="F44" s="38" t="s">
        <v>223</v>
      </c>
      <c r="G44" s="64" t="s">
        <v>1769</v>
      </c>
      <c r="H44" s="64" t="s">
        <v>1381</v>
      </c>
      <c r="I44" s="134">
        <v>37469</v>
      </c>
    </row>
    <row r="45" spans="1:9" ht="26.25" customHeight="1" x14ac:dyDescent="0.15">
      <c r="A45" s="78">
        <v>44</v>
      </c>
      <c r="B45" s="64">
        <v>1670102076</v>
      </c>
      <c r="C45" s="78" t="s">
        <v>368</v>
      </c>
      <c r="D45" s="64">
        <v>9398072</v>
      </c>
      <c r="E45" s="78" t="s">
        <v>1048</v>
      </c>
      <c r="F45" s="38" t="s">
        <v>1172</v>
      </c>
      <c r="G45" s="64" t="s">
        <v>645</v>
      </c>
      <c r="H45" s="64" t="s">
        <v>799</v>
      </c>
      <c r="I45" s="134">
        <v>37589</v>
      </c>
    </row>
    <row r="46" spans="1:9" ht="26.25" customHeight="1" x14ac:dyDescent="0.15">
      <c r="A46" s="78">
        <v>45</v>
      </c>
      <c r="B46" s="64">
        <v>1670102134</v>
      </c>
      <c r="C46" s="78" t="s">
        <v>188</v>
      </c>
      <c r="D46" s="64">
        <v>9300804</v>
      </c>
      <c r="E46" s="78" t="s">
        <v>1925</v>
      </c>
      <c r="F46" s="38" t="s">
        <v>1075</v>
      </c>
      <c r="G46" s="64" t="s">
        <v>1926</v>
      </c>
      <c r="H46" s="64" t="s">
        <v>1084</v>
      </c>
      <c r="I46" s="134">
        <v>37680</v>
      </c>
    </row>
    <row r="47" spans="1:9" ht="26.25" customHeight="1" x14ac:dyDescent="0.15">
      <c r="A47" s="78">
        <v>46</v>
      </c>
      <c r="B47" s="64">
        <v>1670102258</v>
      </c>
      <c r="C47" s="78" t="s">
        <v>710</v>
      </c>
      <c r="D47" s="64">
        <v>9300871</v>
      </c>
      <c r="E47" s="78" t="s">
        <v>653</v>
      </c>
      <c r="F47" s="38" t="s">
        <v>419</v>
      </c>
      <c r="G47" s="64" t="s">
        <v>115</v>
      </c>
      <c r="H47" s="64" t="s">
        <v>804</v>
      </c>
      <c r="I47" s="134">
        <v>37712</v>
      </c>
    </row>
    <row r="48" spans="1:9" ht="26.25" customHeight="1" x14ac:dyDescent="0.15">
      <c r="A48" s="78">
        <v>47</v>
      </c>
      <c r="B48" s="64">
        <v>1670102266</v>
      </c>
      <c r="C48" s="78" t="s">
        <v>654</v>
      </c>
      <c r="D48" s="64">
        <v>9300142</v>
      </c>
      <c r="E48" s="78" t="s">
        <v>964</v>
      </c>
      <c r="F48" s="38" t="s">
        <v>55</v>
      </c>
      <c r="G48" s="64" t="s">
        <v>208</v>
      </c>
      <c r="H48" s="64" t="s">
        <v>1188</v>
      </c>
      <c r="I48" s="134">
        <v>37712</v>
      </c>
    </row>
    <row r="49" spans="1:9" ht="26.25" customHeight="1" x14ac:dyDescent="0.15">
      <c r="A49" s="78">
        <v>48</v>
      </c>
      <c r="B49" s="64">
        <v>1671800405</v>
      </c>
      <c r="C49" s="78" t="s">
        <v>557</v>
      </c>
      <c r="D49" s="64">
        <v>9392362</v>
      </c>
      <c r="E49" s="78" t="s">
        <v>852</v>
      </c>
      <c r="F49" s="38" t="s">
        <v>266</v>
      </c>
      <c r="G49" s="64" t="s">
        <v>927</v>
      </c>
      <c r="H49" s="64" t="s">
        <v>681</v>
      </c>
      <c r="I49" s="134">
        <v>37832</v>
      </c>
    </row>
    <row r="50" spans="1:9" ht="26.25" customHeight="1" x14ac:dyDescent="0.15">
      <c r="A50" s="78">
        <v>49</v>
      </c>
      <c r="B50" s="64">
        <v>1671800439</v>
      </c>
      <c r="C50" s="78" t="s">
        <v>460</v>
      </c>
      <c r="D50" s="64">
        <v>9392376</v>
      </c>
      <c r="E50" s="78" t="s">
        <v>1492</v>
      </c>
      <c r="F50" s="38" t="s">
        <v>266</v>
      </c>
      <c r="G50" s="64" t="s">
        <v>235</v>
      </c>
      <c r="H50" s="64" t="s">
        <v>552</v>
      </c>
      <c r="I50" s="134">
        <v>37865</v>
      </c>
    </row>
    <row r="51" spans="1:9" ht="26.25" customHeight="1" x14ac:dyDescent="0.15">
      <c r="A51" s="78">
        <v>50</v>
      </c>
      <c r="B51" s="64">
        <v>1670102787</v>
      </c>
      <c r="C51" s="78" t="s">
        <v>131</v>
      </c>
      <c r="D51" s="64">
        <v>9300821</v>
      </c>
      <c r="E51" s="78" t="s">
        <v>569</v>
      </c>
      <c r="F51" s="38" t="s">
        <v>1173</v>
      </c>
      <c r="G51" s="64" t="s">
        <v>495</v>
      </c>
      <c r="H51" s="64" t="s">
        <v>1080</v>
      </c>
      <c r="I51" s="134">
        <v>38108</v>
      </c>
    </row>
    <row r="52" spans="1:9" ht="26.25" customHeight="1" x14ac:dyDescent="0.15">
      <c r="A52" s="78">
        <v>51</v>
      </c>
      <c r="B52" s="64">
        <v>1670102795</v>
      </c>
      <c r="C52" s="78" t="s">
        <v>1021</v>
      </c>
      <c r="D52" s="64">
        <v>9398071</v>
      </c>
      <c r="E52" s="78" t="s">
        <v>1547</v>
      </c>
      <c r="F52" s="38" t="s">
        <v>1163</v>
      </c>
      <c r="G52" s="64" t="s">
        <v>613</v>
      </c>
      <c r="H52" s="64" t="s">
        <v>426</v>
      </c>
      <c r="I52" s="134">
        <v>38139</v>
      </c>
    </row>
    <row r="53" spans="1:9" ht="26.25" customHeight="1" x14ac:dyDescent="0.15">
      <c r="A53" s="78">
        <v>52</v>
      </c>
      <c r="B53" s="64">
        <v>1670102845</v>
      </c>
      <c r="C53" s="78" t="s">
        <v>480</v>
      </c>
      <c r="D53" s="64">
        <v>9398045</v>
      </c>
      <c r="E53" s="78" t="s">
        <v>1545</v>
      </c>
      <c r="F53" s="38" t="s">
        <v>1172</v>
      </c>
      <c r="G53" s="64" t="s">
        <v>1402</v>
      </c>
      <c r="H53" s="64" t="s">
        <v>514</v>
      </c>
      <c r="I53" s="134">
        <v>38169</v>
      </c>
    </row>
    <row r="54" spans="1:9" ht="26.25" customHeight="1" x14ac:dyDescent="0.15">
      <c r="A54" s="78">
        <v>53</v>
      </c>
      <c r="B54" s="64">
        <v>1670102837</v>
      </c>
      <c r="C54" s="78" t="s">
        <v>994</v>
      </c>
      <c r="D54" s="120">
        <v>9300817</v>
      </c>
      <c r="E54" s="122" t="s">
        <v>430</v>
      </c>
      <c r="F54" s="38" t="s">
        <v>1075</v>
      </c>
      <c r="G54" s="64" t="s">
        <v>437</v>
      </c>
      <c r="H54" s="64" t="s">
        <v>352</v>
      </c>
      <c r="I54" s="134">
        <v>38169</v>
      </c>
    </row>
    <row r="55" spans="1:9" ht="26.25" customHeight="1" x14ac:dyDescent="0.15">
      <c r="A55" s="78">
        <v>54</v>
      </c>
      <c r="B55" s="64">
        <v>1670102894</v>
      </c>
      <c r="C55" s="78" t="s">
        <v>667</v>
      </c>
      <c r="D55" s="64">
        <v>9398071</v>
      </c>
      <c r="E55" s="78" t="s">
        <v>1055</v>
      </c>
      <c r="F55" s="38" t="s">
        <v>1163</v>
      </c>
      <c r="G55" s="64" t="s">
        <v>726</v>
      </c>
      <c r="H55" s="64" t="s">
        <v>908</v>
      </c>
      <c r="I55" s="134">
        <v>38200</v>
      </c>
    </row>
    <row r="56" spans="1:9" ht="26.25" customHeight="1" x14ac:dyDescent="0.15">
      <c r="A56" s="78">
        <v>55</v>
      </c>
      <c r="B56" s="64">
        <v>1670103033</v>
      </c>
      <c r="C56" s="78" t="s">
        <v>1006</v>
      </c>
      <c r="D56" s="64">
        <v>9300813</v>
      </c>
      <c r="E56" s="78" t="s">
        <v>1881</v>
      </c>
      <c r="F56" s="38" t="s">
        <v>1173</v>
      </c>
      <c r="G56" s="64" t="s">
        <v>642</v>
      </c>
      <c r="H56" s="64" t="s">
        <v>525</v>
      </c>
      <c r="I56" s="134">
        <v>38353</v>
      </c>
    </row>
    <row r="57" spans="1:9" ht="26.25" customHeight="1" x14ac:dyDescent="0.15">
      <c r="A57" s="78">
        <v>56</v>
      </c>
      <c r="B57" s="64">
        <v>1670103025</v>
      </c>
      <c r="C57" s="78" t="s">
        <v>176</v>
      </c>
      <c r="D57" s="64">
        <v>9300036</v>
      </c>
      <c r="E57" s="123" t="s">
        <v>785</v>
      </c>
      <c r="F57" s="38" t="s">
        <v>1082</v>
      </c>
      <c r="G57" s="64" t="s">
        <v>1676</v>
      </c>
      <c r="H57" s="64" t="s">
        <v>289</v>
      </c>
      <c r="I57" s="134">
        <v>38353</v>
      </c>
    </row>
    <row r="58" spans="1:9" ht="26.25" customHeight="1" x14ac:dyDescent="0.15">
      <c r="A58" s="78">
        <v>57</v>
      </c>
      <c r="B58" s="64">
        <v>1670103249</v>
      </c>
      <c r="C58" s="78" t="s">
        <v>1038</v>
      </c>
      <c r="D58" s="64">
        <v>9300853</v>
      </c>
      <c r="E58" s="78" t="s">
        <v>89</v>
      </c>
      <c r="F58" s="38" t="s">
        <v>1075</v>
      </c>
      <c r="G58" s="64" t="s">
        <v>1040</v>
      </c>
      <c r="H58" s="64" t="s">
        <v>887</v>
      </c>
      <c r="I58" s="134">
        <v>38534</v>
      </c>
    </row>
    <row r="59" spans="1:9" ht="26.25" customHeight="1" x14ac:dyDescent="0.15">
      <c r="A59" s="78">
        <v>58</v>
      </c>
      <c r="B59" s="64">
        <v>1670103512</v>
      </c>
      <c r="C59" s="78" t="s">
        <v>824</v>
      </c>
      <c r="D59" s="64">
        <v>9398055</v>
      </c>
      <c r="E59" s="78" t="s">
        <v>1915</v>
      </c>
      <c r="F59" s="38" t="s">
        <v>1172</v>
      </c>
      <c r="G59" s="64" t="s">
        <v>198</v>
      </c>
      <c r="H59" s="64" t="s">
        <v>166</v>
      </c>
      <c r="I59" s="134">
        <v>38808</v>
      </c>
    </row>
    <row r="60" spans="1:9" ht="26.25" customHeight="1" x14ac:dyDescent="0.15">
      <c r="A60" s="78">
        <v>59</v>
      </c>
      <c r="B60" s="64">
        <v>1670103520</v>
      </c>
      <c r="C60" s="78" t="s">
        <v>28</v>
      </c>
      <c r="D60" s="64">
        <v>9318431</v>
      </c>
      <c r="E60" s="78" t="s">
        <v>1616</v>
      </c>
      <c r="F60" s="38" t="s">
        <v>1101</v>
      </c>
      <c r="G60" s="64" t="s">
        <v>1618</v>
      </c>
      <c r="H60" s="64" t="s">
        <v>540</v>
      </c>
      <c r="I60" s="134">
        <v>38808</v>
      </c>
    </row>
    <row r="61" spans="1:9" ht="26.25" customHeight="1" x14ac:dyDescent="0.15">
      <c r="A61" s="78">
        <v>60</v>
      </c>
      <c r="B61" s="64">
        <v>1670103827</v>
      </c>
      <c r="C61" s="78" t="s">
        <v>1118</v>
      </c>
      <c r="D61" s="64">
        <v>9393554</v>
      </c>
      <c r="E61" s="123" t="s">
        <v>1916</v>
      </c>
      <c r="F61" s="38" t="s">
        <v>1251</v>
      </c>
      <c r="G61" s="64" t="s">
        <v>776</v>
      </c>
      <c r="H61" s="64" t="s">
        <v>1764</v>
      </c>
      <c r="I61" s="134">
        <v>38838</v>
      </c>
    </row>
    <row r="62" spans="1:9" ht="26.25" customHeight="1" x14ac:dyDescent="0.15">
      <c r="A62" s="78">
        <v>61</v>
      </c>
      <c r="B62" s="64">
        <v>1670103926</v>
      </c>
      <c r="C62" s="78" t="s">
        <v>321</v>
      </c>
      <c r="D62" s="64">
        <v>9300873</v>
      </c>
      <c r="E62" s="78" t="s">
        <v>323</v>
      </c>
      <c r="F62" s="38" t="s">
        <v>599</v>
      </c>
      <c r="G62" s="64" t="s">
        <v>816</v>
      </c>
      <c r="H62" s="64" t="s">
        <v>325</v>
      </c>
      <c r="I62" s="134">
        <v>38869</v>
      </c>
    </row>
    <row r="63" spans="1:9" ht="26.25" customHeight="1" x14ac:dyDescent="0.15">
      <c r="A63" s="78">
        <v>62</v>
      </c>
      <c r="B63" s="64">
        <v>1670103967</v>
      </c>
      <c r="C63" s="78" t="s">
        <v>456</v>
      </c>
      <c r="D63" s="64">
        <v>9300166</v>
      </c>
      <c r="E63" s="78" t="s">
        <v>410</v>
      </c>
      <c r="F63" s="38" t="s">
        <v>278</v>
      </c>
      <c r="G63" s="64" t="s">
        <v>539</v>
      </c>
      <c r="H63" s="64" t="s">
        <v>140</v>
      </c>
      <c r="I63" s="134">
        <v>38899</v>
      </c>
    </row>
    <row r="64" spans="1:9" ht="26.25" customHeight="1" x14ac:dyDescent="0.15">
      <c r="A64" s="78">
        <v>63</v>
      </c>
      <c r="B64" s="64">
        <v>1670104072</v>
      </c>
      <c r="C64" s="78" t="s">
        <v>1086</v>
      </c>
      <c r="D64" s="64">
        <v>9300936</v>
      </c>
      <c r="E64" s="78" t="s">
        <v>847</v>
      </c>
      <c r="F64" s="38" t="s">
        <v>791</v>
      </c>
      <c r="G64" s="64" t="s">
        <v>493</v>
      </c>
      <c r="H64" s="64" t="s">
        <v>817</v>
      </c>
      <c r="I64" s="134">
        <v>38991</v>
      </c>
    </row>
    <row r="65" spans="1:9" ht="26.25" customHeight="1" x14ac:dyDescent="0.15">
      <c r="A65" s="78">
        <v>64</v>
      </c>
      <c r="B65" s="64">
        <v>1670104361</v>
      </c>
      <c r="C65" s="78" t="s">
        <v>390</v>
      </c>
      <c r="D65" s="64">
        <v>9300010</v>
      </c>
      <c r="E65" s="78" t="s">
        <v>1060</v>
      </c>
      <c r="F65" s="38" t="s">
        <v>1174</v>
      </c>
      <c r="G65" s="64" t="s">
        <v>1120</v>
      </c>
      <c r="H65" s="64" t="s">
        <v>1123</v>
      </c>
      <c r="I65" s="134">
        <v>44105</v>
      </c>
    </row>
    <row r="66" spans="1:9" ht="26.25" customHeight="1" x14ac:dyDescent="0.15">
      <c r="A66" s="78">
        <v>65</v>
      </c>
      <c r="B66" s="64">
        <v>1670104494</v>
      </c>
      <c r="C66" s="78" t="s">
        <v>284</v>
      </c>
      <c r="D66" s="64">
        <v>9398194</v>
      </c>
      <c r="E66" s="78" t="s">
        <v>447</v>
      </c>
      <c r="F66" s="38" t="s">
        <v>1165</v>
      </c>
      <c r="G66" s="64" t="s">
        <v>12</v>
      </c>
      <c r="H66" s="64" t="s">
        <v>756</v>
      </c>
      <c r="I66" s="134">
        <v>39448</v>
      </c>
    </row>
    <row r="67" spans="1:9" ht="26.25" customHeight="1" x14ac:dyDescent="0.15">
      <c r="A67" s="78">
        <v>66</v>
      </c>
      <c r="B67" s="64">
        <v>1670104544</v>
      </c>
      <c r="C67" s="78" t="s">
        <v>992</v>
      </c>
      <c r="D67" s="64">
        <v>9300966</v>
      </c>
      <c r="E67" s="78" t="s">
        <v>1461</v>
      </c>
      <c r="F67" s="38" t="s">
        <v>1151</v>
      </c>
      <c r="G67" s="64" t="s">
        <v>1620</v>
      </c>
      <c r="H67" s="64" t="s">
        <v>1476</v>
      </c>
      <c r="I67" s="134">
        <v>39539</v>
      </c>
    </row>
    <row r="68" spans="1:9" ht="26.25" customHeight="1" x14ac:dyDescent="0.15">
      <c r="A68" s="78">
        <v>67</v>
      </c>
      <c r="B68" s="64">
        <v>1670104890</v>
      </c>
      <c r="C68" s="78" t="s">
        <v>365</v>
      </c>
      <c r="D68" s="64">
        <v>9300955</v>
      </c>
      <c r="E68" s="78" t="s">
        <v>396</v>
      </c>
      <c r="F68" s="38" t="s">
        <v>983</v>
      </c>
      <c r="G68" s="64" t="s">
        <v>388</v>
      </c>
      <c r="H68" s="64" t="s">
        <v>833</v>
      </c>
      <c r="I68" s="134">
        <v>39934</v>
      </c>
    </row>
    <row r="69" spans="1:9" s="199" customFormat="1" ht="26.25" customHeight="1" x14ac:dyDescent="0.15">
      <c r="A69" s="78">
        <v>68</v>
      </c>
      <c r="B69" s="65" t="s">
        <v>497</v>
      </c>
      <c r="C69" s="200" t="s">
        <v>655</v>
      </c>
      <c r="D69" s="65">
        <v>9398185</v>
      </c>
      <c r="E69" s="200" t="s">
        <v>1621</v>
      </c>
      <c r="F69" s="38" t="s">
        <v>1163</v>
      </c>
      <c r="G69" s="65" t="s">
        <v>499</v>
      </c>
      <c r="H69" s="65" t="s">
        <v>881</v>
      </c>
      <c r="I69" s="203">
        <v>40210</v>
      </c>
    </row>
    <row r="70" spans="1:9" s="199" customFormat="1" ht="26.25" customHeight="1" x14ac:dyDescent="0.15">
      <c r="A70" s="78">
        <v>69</v>
      </c>
      <c r="B70" s="65" t="s">
        <v>151</v>
      </c>
      <c r="C70" s="200" t="s">
        <v>234</v>
      </c>
      <c r="D70" s="65" t="s">
        <v>282</v>
      </c>
      <c r="E70" s="200" t="s">
        <v>502</v>
      </c>
      <c r="F70" s="38" t="s">
        <v>1156</v>
      </c>
      <c r="G70" s="65" t="s">
        <v>1035</v>
      </c>
      <c r="H70" s="65" t="s">
        <v>737</v>
      </c>
      <c r="I70" s="203">
        <v>40269</v>
      </c>
    </row>
    <row r="71" spans="1:9" s="199" customFormat="1" ht="26.25" customHeight="1" x14ac:dyDescent="0.15">
      <c r="A71" s="78">
        <v>70</v>
      </c>
      <c r="B71" s="65" t="s">
        <v>132</v>
      </c>
      <c r="C71" s="200" t="s">
        <v>532</v>
      </c>
      <c r="D71" s="65" t="s">
        <v>1061</v>
      </c>
      <c r="E71" s="200" t="s">
        <v>501</v>
      </c>
      <c r="F71" s="38" t="s">
        <v>46</v>
      </c>
      <c r="G71" s="65" t="s">
        <v>86</v>
      </c>
      <c r="H71" s="65" t="s">
        <v>224</v>
      </c>
      <c r="I71" s="203">
        <v>40269</v>
      </c>
    </row>
    <row r="72" spans="1:9" s="199" customFormat="1" ht="26.25" customHeight="1" x14ac:dyDescent="0.15">
      <c r="A72" s="78">
        <v>71</v>
      </c>
      <c r="B72" s="65">
        <v>1670111598</v>
      </c>
      <c r="C72" s="200" t="s">
        <v>152</v>
      </c>
      <c r="D72" s="65">
        <v>9398213</v>
      </c>
      <c r="E72" s="200" t="s">
        <v>1894</v>
      </c>
      <c r="F72" s="38" t="s">
        <v>46</v>
      </c>
      <c r="G72" s="65" t="s">
        <v>405</v>
      </c>
      <c r="H72" s="65" t="s">
        <v>1199</v>
      </c>
      <c r="I72" s="203">
        <v>40391</v>
      </c>
    </row>
    <row r="73" spans="1:9" s="199" customFormat="1" ht="26.25" customHeight="1" x14ac:dyDescent="0.15">
      <c r="A73" s="78">
        <v>72</v>
      </c>
      <c r="B73" s="120">
        <v>1670111705</v>
      </c>
      <c r="C73" s="122" t="s">
        <v>1622</v>
      </c>
      <c r="D73" s="120">
        <v>9398202</v>
      </c>
      <c r="E73" s="122" t="s">
        <v>154</v>
      </c>
      <c r="F73" s="38" t="s">
        <v>697</v>
      </c>
      <c r="G73" s="120" t="s">
        <v>893</v>
      </c>
      <c r="H73" s="120" t="s">
        <v>663</v>
      </c>
      <c r="I73" s="134">
        <v>40634</v>
      </c>
    </row>
    <row r="74" spans="1:9" s="199" customFormat="1" ht="26.25" customHeight="1" x14ac:dyDescent="0.15">
      <c r="A74" s="78">
        <v>73</v>
      </c>
      <c r="B74" s="120">
        <v>1670111739</v>
      </c>
      <c r="C74" s="122" t="s">
        <v>1577</v>
      </c>
      <c r="D74" s="222">
        <v>9318453</v>
      </c>
      <c r="E74" s="223" t="s">
        <v>2167</v>
      </c>
      <c r="F74" s="38" t="s">
        <v>733</v>
      </c>
      <c r="G74" s="224" t="s">
        <v>707</v>
      </c>
      <c r="H74" s="224" t="s">
        <v>1982</v>
      </c>
      <c r="I74" s="134">
        <v>40664</v>
      </c>
    </row>
    <row r="75" spans="1:9" s="199" customFormat="1" ht="26.25" customHeight="1" x14ac:dyDescent="0.15">
      <c r="A75" s="78">
        <v>74</v>
      </c>
      <c r="B75" s="120">
        <v>1670111812</v>
      </c>
      <c r="C75" s="200" t="s">
        <v>450</v>
      </c>
      <c r="D75" s="65">
        <v>9300095</v>
      </c>
      <c r="E75" s="200" t="s">
        <v>1150</v>
      </c>
      <c r="F75" s="38" t="s">
        <v>909</v>
      </c>
      <c r="G75" s="65" t="s">
        <v>1499</v>
      </c>
      <c r="H75" s="65" t="s">
        <v>1406</v>
      </c>
      <c r="I75" s="134">
        <v>40848</v>
      </c>
    </row>
    <row r="76" spans="1:9" s="199" customFormat="1" ht="26.25" customHeight="1" x14ac:dyDescent="0.15">
      <c r="A76" s="78">
        <v>75</v>
      </c>
      <c r="B76" s="120">
        <v>1670111515</v>
      </c>
      <c r="C76" s="122" t="s">
        <v>1186</v>
      </c>
      <c r="D76" s="120">
        <v>9302239</v>
      </c>
      <c r="E76" s="122" t="s">
        <v>199</v>
      </c>
      <c r="F76" s="38" t="s">
        <v>1250</v>
      </c>
      <c r="G76" s="120" t="s">
        <v>1624</v>
      </c>
      <c r="H76" s="120" t="s">
        <v>510</v>
      </c>
      <c r="I76" s="134">
        <v>40878</v>
      </c>
    </row>
    <row r="77" spans="1:9" s="199" customFormat="1" ht="26.25" customHeight="1" x14ac:dyDescent="0.15">
      <c r="A77" s="78">
        <v>76</v>
      </c>
      <c r="B77" s="64">
        <v>1670111952</v>
      </c>
      <c r="C77" s="78" t="s">
        <v>205</v>
      </c>
      <c r="D77" s="64">
        <v>9300982</v>
      </c>
      <c r="E77" s="78" t="s">
        <v>1071</v>
      </c>
      <c r="F77" s="38" t="s">
        <v>1180</v>
      </c>
      <c r="G77" s="64" t="s">
        <v>922</v>
      </c>
      <c r="H77" s="64" t="s">
        <v>1088</v>
      </c>
      <c r="I77" s="134">
        <v>40969</v>
      </c>
    </row>
    <row r="78" spans="1:9" s="199" customFormat="1" ht="26.25" customHeight="1" x14ac:dyDescent="0.15">
      <c r="A78" s="78">
        <v>77</v>
      </c>
      <c r="B78" s="120">
        <v>1670112182</v>
      </c>
      <c r="C78" s="78" t="s">
        <v>492</v>
      </c>
      <c r="D78" s="64">
        <v>9392256</v>
      </c>
      <c r="E78" s="78" t="s">
        <v>1228</v>
      </c>
      <c r="F78" s="38" t="s">
        <v>620</v>
      </c>
      <c r="G78" s="64" t="s">
        <v>1625</v>
      </c>
      <c r="H78" s="64" t="s">
        <v>83</v>
      </c>
      <c r="I78" s="140">
        <v>41214</v>
      </c>
    </row>
    <row r="79" spans="1:9" s="199" customFormat="1" ht="26.25" customHeight="1" x14ac:dyDescent="0.15">
      <c r="A79" s="78">
        <v>78</v>
      </c>
      <c r="B79" s="64">
        <v>1670112257</v>
      </c>
      <c r="C79" s="122" t="s">
        <v>288</v>
      </c>
      <c r="D79" s="120">
        <v>9300953</v>
      </c>
      <c r="E79" s="122" t="s">
        <v>1627</v>
      </c>
      <c r="F79" s="64" t="s">
        <v>1296</v>
      </c>
      <c r="G79" s="120" t="s">
        <v>976</v>
      </c>
      <c r="H79" s="120" t="s">
        <v>37</v>
      </c>
      <c r="I79" s="204">
        <v>41306</v>
      </c>
    </row>
    <row r="80" spans="1:9" s="199" customFormat="1" ht="26.25" customHeight="1" x14ac:dyDescent="0.15">
      <c r="A80" s="78">
        <v>79</v>
      </c>
      <c r="B80" s="64">
        <v>1670112349</v>
      </c>
      <c r="C80" s="78" t="s">
        <v>394</v>
      </c>
      <c r="D80" s="120">
        <v>9398082</v>
      </c>
      <c r="E80" s="78" t="s">
        <v>1129</v>
      </c>
      <c r="F80" s="38" t="s">
        <v>1157</v>
      </c>
      <c r="G80" s="64" t="s">
        <v>874</v>
      </c>
      <c r="H80" s="64" t="s">
        <v>369</v>
      </c>
      <c r="I80" s="204">
        <v>41365</v>
      </c>
    </row>
    <row r="81" spans="1:9" ht="26.25" customHeight="1" x14ac:dyDescent="0.15">
      <c r="A81" s="78">
        <v>80</v>
      </c>
      <c r="B81" s="64">
        <v>1670112414</v>
      </c>
      <c r="C81" s="78" t="s">
        <v>1141</v>
      </c>
      <c r="D81" s="64">
        <v>9300053</v>
      </c>
      <c r="E81" s="78" t="s">
        <v>432</v>
      </c>
      <c r="F81" s="38" t="s">
        <v>1198</v>
      </c>
      <c r="G81" s="64" t="s">
        <v>1546</v>
      </c>
      <c r="H81" s="64" t="s">
        <v>228</v>
      </c>
      <c r="I81" s="134">
        <v>41426</v>
      </c>
    </row>
    <row r="82" spans="1:9" ht="26.25" customHeight="1" x14ac:dyDescent="0.15">
      <c r="A82" s="78">
        <v>81</v>
      </c>
      <c r="B82" s="64">
        <v>1670112422</v>
      </c>
      <c r="C82" s="78" t="s">
        <v>1143</v>
      </c>
      <c r="D82" s="64">
        <v>9392352</v>
      </c>
      <c r="E82" s="78" t="s">
        <v>1146</v>
      </c>
      <c r="F82" s="38" t="s">
        <v>266</v>
      </c>
      <c r="G82" s="64" t="s">
        <v>1628</v>
      </c>
      <c r="H82" s="64" t="s">
        <v>560</v>
      </c>
      <c r="I82" s="134">
        <v>41426</v>
      </c>
    </row>
    <row r="83" spans="1:9" ht="26.25" customHeight="1" x14ac:dyDescent="0.15">
      <c r="A83" s="78">
        <v>82</v>
      </c>
      <c r="B83" s="64">
        <v>1670112430</v>
      </c>
      <c r="C83" s="78" t="s">
        <v>1147</v>
      </c>
      <c r="D83" s="64">
        <v>9300816</v>
      </c>
      <c r="E83" s="78" t="s">
        <v>1308</v>
      </c>
      <c r="F83" s="38" t="s">
        <v>1173</v>
      </c>
      <c r="G83" s="64" t="s">
        <v>357</v>
      </c>
      <c r="H83" s="64" t="s">
        <v>1319</v>
      </c>
      <c r="I83" s="134">
        <v>41456</v>
      </c>
    </row>
    <row r="84" spans="1:9" ht="26.25" customHeight="1" x14ac:dyDescent="0.15">
      <c r="A84" s="78">
        <v>83</v>
      </c>
      <c r="B84" s="64">
        <v>1670112505</v>
      </c>
      <c r="C84" s="78" t="s">
        <v>1154</v>
      </c>
      <c r="D84" s="64">
        <v>9300842</v>
      </c>
      <c r="E84" s="78" t="s">
        <v>40</v>
      </c>
      <c r="F84" s="38" t="s">
        <v>1075</v>
      </c>
      <c r="G84" s="64" t="s">
        <v>1063</v>
      </c>
      <c r="H84" s="64" t="s">
        <v>384</v>
      </c>
      <c r="I84" s="134">
        <v>41487</v>
      </c>
    </row>
    <row r="85" spans="1:9" ht="26.25" customHeight="1" x14ac:dyDescent="0.15">
      <c r="A85" s="78">
        <v>84</v>
      </c>
      <c r="B85" s="64">
        <v>1670112497</v>
      </c>
      <c r="C85" s="78" t="s">
        <v>1343</v>
      </c>
      <c r="D85" s="64">
        <v>9392612</v>
      </c>
      <c r="E85" s="78" t="s">
        <v>257</v>
      </c>
      <c r="F85" s="38" t="s">
        <v>1161</v>
      </c>
      <c r="G85" s="64" t="s">
        <v>1408</v>
      </c>
      <c r="H85" s="64" t="s">
        <v>963</v>
      </c>
      <c r="I85" s="134">
        <v>41487</v>
      </c>
    </row>
    <row r="86" spans="1:9" ht="26.25" customHeight="1" x14ac:dyDescent="0.15">
      <c r="A86" s="78">
        <v>85</v>
      </c>
      <c r="B86" s="64">
        <v>1670112521</v>
      </c>
      <c r="C86" s="78" t="s">
        <v>1471</v>
      </c>
      <c r="D86" s="64">
        <v>9398204</v>
      </c>
      <c r="E86" s="78" t="s">
        <v>1725</v>
      </c>
      <c r="F86" s="38" t="s">
        <v>748</v>
      </c>
      <c r="G86" s="64" t="s">
        <v>604</v>
      </c>
      <c r="H86" s="64" t="s">
        <v>50</v>
      </c>
      <c r="I86" s="134">
        <v>41487</v>
      </c>
    </row>
    <row r="87" spans="1:9" ht="26.25" customHeight="1" x14ac:dyDescent="0.15">
      <c r="A87" s="78">
        <v>86</v>
      </c>
      <c r="B87" s="64">
        <v>1670112653</v>
      </c>
      <c r="C87" s="78" t="s">
        <v>1261</v>
      </c>
      <c r="D87" s="64">
        <v>9300173</v>
      </c>
      <c r="E87" s="78" t="s">
        <v>1299</v>
      </c>
      <c r="F87" s="38" t="s">
        <v>1253</v>
      </c>
      <c r="G87" s="64" t="s">
        <v>169</v>
      </c>
      <c r="H87" s="64" t="s">
        <v>1298</v>
      </c>
      <c r="I87" s="134">
        <v>41640</v>
      </c>
    </row>
    <row r="88" spans="1:9" ht="26.25" customHeight="1" x14ac:dyDescent="0.15">
      <c r="A88" s="78">
        <v>87</v>
      </c>
      <c r="B88" s="64">
        <v>1670112760</v>
      </c>
      <c r="C88" s="78" t="s">
        <v>51</v>
      </c>
      <c r="D88" s="64">
        <v>9392252</v>
      </c>
      <c r="E88" s="78" t="s">
        <v>1629</v>
      </c>
      <c r="F88" s="38" t="s">
        <v>620</v>
      </c>
      <c r="G88" s="64" t="s">
        <v>1291</v>
      </c>
      <c r="H88" s="64" t="s">
        <v>759</v>
      </c>
      <c r="I88" s="134">
        <v>41730</v>
      </c>
    </row>
    <row r="89" spans="1:9" ht="26.25" customHeight="1" x14ac:dyDescent="0.15">
      <c r="A89" s="78">
        <v>88</v>
      </c>
      <c r="B89" s="64">
        <v>1670112885</v>
      </c>
      <c r="C89" s="78" t="s">
        <v>0</v>
      </c>
      <c r="D89" s="64">
        <v>9300171</v>
      </c>
      <c r="E89" s="78" t="s">
        <v>70</v>
      </c>
      <c r="F89" s="38" t="s">
        <v>278</v>
      </c>
      <c r="G89" s="64" t="s">
        <v>1226</v>
      </c>
      <c r="H89" s="64" t="s">
        <v>433</v>
      </c>
      <c r="I89" s="134">
        <v>41760</v>
      </c>
    </row>
    <row r="90" spans="1:9" ht="26.25" customHeight="1" x14ac:dyDescent="0.15">
      <c r="A90" s="78">
        <v>89</v>
      </c>
      <c r="B90" s="64">
        <v>1670113255</v>
      </c>
      <c r="C90" s="78" t="s">
        <v>971</v>
      </c>
      <c r="D90" s="64">
        <v>9300975</v>
      </c>
      <c r="E90" s="78" t="s">
        <v>307</v>
      </c>
      <c r="F90" s="38" t="s">
        <v>1151</v>
      </c>
      <c r="G90" s="64" t="s">
        <v>337</v>
      </c>
      <c r="H90" s="64" t="s">
        <v>1598</v>
      </c>
      <c r="I90" s="134">
        <v>42005</v>
      </c>
    </row>
    <row r="91" spans="1:9" ht="26.25" customHeight="1" x14ac:dyDescent="0.15">
      <c r="A91" s="78">
        <v>90</v>
      </c>
      <c r="B91" s="64">
        <v>1670113263</v>
      </c>
      <c r="C91" s="78" t="s">
        <v>1630</v>
      </c>
      <c r="D91" s="64">
        <v>9300859</v>
      </c>
      <c r="E91" s="78" t="s">
        <v>1386</v>
      </c>
      <c r="F91" s="38" t="s">
        <v>1184</v>
      </c>
      <c r="G91" s="64" t="s">
        <v>1631</v>
      </c>
      <c r="H91" s="64" t="s">
        <v>1705</v>
      </c>
      <c r="I91" s="134">
        <v>42036</v>
      </c>
    </row>
    <row r="92" spans="1:9" ht="26.25" customHeight="1" x14ac:dyDescent="0.15">
      <c r="A92" s="78">
        <v>91</v>
      </c>
      <c r="B92" s="64">
        <v>1670113289</v>
      </c>
      <c r="C92" s="78" t="s">
        <v>1632</v>
      </c>
      <c r="D92" s="64">
        <v>9398216</v>
      </c>
      <c r="E92" s="78" t="s">
        <v>1544</v>
      </c>
      <c r="F92" s="38" t="s">
        <v>264</v>
      </c>
      <c r="G92" s="64" t="s">
        <v>1633</v>
      </c>
      <c r="H92" s="64" t="s">
        <v>1634</v>
      </c>
      <c r="I92" s="134">
        <v>42036</v>
      </c>
    </row>
    <row r="93" spans="1:9" ht="26.25" customHeight="1" x14ac:dyDescent="0.15">
      <c r="A93" s="78">
        <v>92</v>
      </c>
      <c r="B93" s="120">
        <v>1670113305</v>
      </c>
      <c r="C93" s="122" t="s">
        <v>1095</v>
      </c>
      <c r="D93" s="64">
        <v>9398015</v>
      </c>
      <c r="E93" s="78" t="s">
        <v>966</v>
      </c>
      <c r="F93" s="38" t="s">
        <v>983</v>
      </c>
      <c r="G93" s="64" t="s">
        <v>1635</v>
      </c>
      <c r="H93" s="64" t="s">
        <v>1636</v>
      </c>
      <c r="I93" s="134">
        <v>42064</v>
      </c>
    </row>
    <row r="94" spans="1:9" customFormat="1" ht="26.25" customHeight="1" x14ac:dyDescent="0.15">
      <c r="A94" s="78">
        <v>93</v>
      </c>
      <c r="B94" s="120">
        <v>1670113495</v>
      </c>
      <c r="C94" s="122" t="s">
        <v>1750</v>
      </c>
      <c r="D94" s="64">
        <v>9398035</v>
      </c>
      <c r="E94" s="78" t="s">
        <v>1121</v>
      </c>
      <c r="F94" s="64" t="s">
        <v>1159</v>
      </c>
      <c r="G94" s="64" t="s">
        <v>292</v>
      </c>
      <c r="H94" s="64" t="s">
        <v>1706</v>
      </c>
      <c r="I94" s="134">
        <v>42278</v>
      </c>
    </row>
    <row r="95" spans="1:9" customFormat="1" ht="26.25" customHeight="1" x14ac:dyDescent="0.15">
      <c r="A95" s="78">
        <v>94</v>
      </c>
      <c r="B95" s="120">
        <v>1670113693</v>
      </c>
      <c r="C95" s="122" t="s">
        <v>912</v>
      </c>
      <c r="D95" s="64">
        <v>9300897</v>
      </c>
      <c r="E95" s="78" t="s">
        <v>175</v>
      </c>
      <c r="F95" s="64" t="s">
        <v>202</v>
      </c>
      <c r="G95" s="64" t="s">
        <v>1549</v>
      </c>
      <c r="H95" s="64" t="s">
        <v>1219</v>
      </c>
      <c r="I95" s="134">
        <v>42461</v>
      </c>
    </row>
    <row r="96" spans="1:9" customFormat="1" ht="26.25" customHeight="1" x14ac:dyDescent="0.15">
      <c r="A96" s="78">
        <v>95</v>
      </c>
      <c r="B96" s="120">
        <v>1670113933</v>
      </c>
      <c r="C96" s="122" t="s">
        <v>1059</v>
      </c>
      <c r="D96" s="64">
        <v>9300841</v>
      </c>
      <c r="E96" s="78" t="s">
        <v>590</v>
      </c>
      <c r="F96" s="64" t="s">
        <v>1075</v>
      </c>
      <c r="G96" s="64" t="s">
        <v>1240</v>
      </c>
      <c r="H96" s="64" t="s">
        <v>989</v>
      </c>
      <c r="I96" s="134">
        <v>42795</v>
      </c>
    </row>
    <row r="97" spans="1:29" customFormat="1" ht="26.25" customHeight="1" x14ac:dyDescent="0.15">
      <c r="A97" s="78">
        <v>96</v>
      </c>
      <c r="B97" s="120">
        <v>1670113941</v>
      </c>
      <c r="C97" s="122" t="s">
        <v>1602</v>
      </c>
      <c r="D97" s="64">
        <v>9398214</v>
      </c>
      <c r="E97" s="78" t="s">
        <v>1837</v>
      </c>
      <c r="F97" s="64" t="s">
        <v>1163</v>
      </c>
      <c r="G97" s="64" t="s">
        <v>1483</v>
      </c>
      <c r="H97" s="64" t="s">
        <v>1160</v>
      </c>
      <c r="I97" s="134">
        <v>42826</v>
      </c>
    </row>
    <row r="98" spans="1:29" s="199" customFormat="1" ht="26.25" customHeight="1" x14ac:dyDescent="0.15">
      <c r="A98" s="78">
        <v>97</v>
      </c>
      <c r="B98" s="64" t="s">
        <v>1515</v>
      </c>
      <c r="C98" s="78" t="s">
        <v>1551</v>
      </c>
      <c r="D98" s="64" t="s">
        <v>1412</v>
      </c>
      <c r="E98" s="78" t="s">
        <v>1638</v>
      </c>
      <c r="F98" s="64" t="s">
        <v>1151</v>
      </c>
      <c r="G98" s="64" t="s">
        <v>270</v>
      </c>
      <c r="H98" s="64" t="s">
        <v>1516</v>
      </c>
      <c r="I98" s="134">
        <v>43101</v>
      </c>
      <c r="J98"/>
      <c r="K98"/>
      <c r="L98"/>
      <c r="M98"/>
      <c r="N98"/>
      <c r="O98"/>
      <c r="P98"/>
      <c r="Q98"/>
      <c r="R98"/>
      <c r="S98"/>
      <c r="T98"/>
      <c r="U98"/>
      <c r="V98"/>
      <c r="W98"/>
      <c r="X98"/>
      <c r="Y98"/>
      <c r="Z98"/>
      <c r="AA98"/>
      <c r="AB98"/>
      <c r="AC98"/>
    </row>
    <row r="99" spans="1:29" s="199" customFormat="1" ht="26.25" customHeight="1" x14ac:dyDescent="0.15">
      <c r="A99" s="78">
        <v>98</v>
      </c>
      <c r="B99" s="64">
        <v>1670114253</v>
      </c>
      <c r="C99" s="78" t="s">
        <v>379</v>
      </c>
      <c r="D99" s="64" t="s">
        <v>1315</v>
      </c>
      <c r="E99" s="78" t="s">
        <v>1671</v>
      </c>
      <c r="F99" s="64" t="s">
        <v>1161</v>
      </c>
      <c r="G99" s="64" t="s">
        <v>1850</v>
      </c>
      <c r="H99" s="64" t="s">
        <v>178</v>
      </c>
      <c r="I99" s="134">
        <v>43132</v>
      </c>
      <c r="J99"/>
      <c r="K99"/>
      <c r="L99"/>
      <c r="M99"/>
      <c r="N99"/>
      <c r="O99"/>
      <c r="P99"/>
      <c r="Q99"/>
      <c r="R99"/>
      <c r="S99"/>
      <c r="T99"/>
      <c r="U99"/>
      <c r="V99"/>
      <c r="W99"/>
      <c r="X99"/>
      <c r="Y99"/>
      <c r="Z99"/>
      <c r="AA99"/>
      <c r="AB99"/>
      <c r="AC99"/>
    </row>
    <row r="100" spans="1:29" ht="26.25" customHeight="1" x14ac:dyDescent="0.2">
      <c r="A100" s="78">
        <v>99</v>
      </c>
      <c r="B100" s="64">
        <v>1670114337</v>
      </c>
      <c r="C100" s="78" t="s">
        <v>2022</v>
      </c>
      <c r="D100" s="64">
        <v>9398132</v>
      </c>
      <c r="E100" s="78" t="s">
        <v>1898</v>
      </c>
      <c r="F100" s="64" t="s">
        <v>1165</v>
      </c>
      <c r="G100" s="64" t="s">
        <v>1543</v>
      </c>
      <c r="H100" s="64" t="s">
        <v>1390</v>
      </c>
      <c r="I100" s="134">
        <v>43252</v>
      </c>
      <c r="J100" s="205"/>
      <c r="K100" s="199"/>
      <c r="L100" s="199"/>
      <c r="M100" s="199"/>
      <c r="N100" s="199"/>
      <c r="O100" s="199"/>
      <c r="P100" s="199"/>
      <c r="Q100" s="199"/>
      <c r="R100" s="199"/>
      <c r="S100" s="199"/>
      <c r="T100" s="199"/>
      <c r="U100" s="199"/>
      <c r="V100" s="199"/>
      <c r="W100" s="199"/>
      <c r="X100" s="199"/>
      <c r="Y100" s="199"/>
      <c r="Z100" s="199"/>
      <c r="AA100" s="199"/>
      <c r="AB100" s="199"/>
      <c r="AC100" s="199"/>
    </row>
    <row r="101" spans="1:29" s="199" customFormat="1" ht="26.25" customHeight="1" x14ac:dyDescent="0.15">
      <c r="A101" s="78">
        <v>100</v>
      </c>
      <c r="B101" s="64">
        <v>1670114360</v>
      </c>
      <c r="C101" s="78" t="s">
        <v>567</v>
      </c>
      <c r="D101" s="64" t="s">
        <v>1401</v>
      </c>
      <c r="E101" s="78" t="s">
        <v>961</v>
      </c>
      <c r="F101" s="64" t="s">
        <v>227</v>
      </c>
      <c r="G101" s="64" t="s">
        <v>834</v>
      </c>
      <c r="H101" s="64" t="s">
        <v>1473</v>
      </c>
      <c r="I101" s="134">
        <v>43282</v>
      </c>
    </row>
    <row r="102" spans="1:29" ht="26.25" customHeight="1" x14ac:dyDescent="0.15">
      <c r="A102" s="78">
        <v>101</v>
      </c>
      <c r="B102" s="64">
        <v>1670114378</v>
      </c>
      <c r="C102" s="78" t="s">
        <v>1670</v>
      </c>
      <c r="D102" s="64">
        <v>9300874</v>
      </c>
      <c r="E102" s="78" t="s">
        <v>2140</v>
      </c>
      <c r="F102" s="64" t="s">
        <v>1524</v>
      </c>
      <c r="G102" s="64" t="s">
        <v>1751</v>
      </c>
      <c r="H102" s="64" t="s">
        <v>1752</v>
      </c>
      <c r="I102" s="134">
        <v>43313</v>
      </c>
    </row>
    <row r="103" spans="1:29" s="199" customFormat="1" ht="26.25" customHeight="1" x14ac:dyDescent="0.15">
      <c r="A103" s="78">
        <v>102</v>
      </c>
      <c r="B103" s="64">
        <v>1670114527</v>
      </c>
      <c r="C103" s="78" t="s">
        <v>523</v>
      </c>
      <c r="D103" s="64">
        <v>9300962</v>
      </c>
      <c r="E103" s="78" t="s">
        <v>1779</v>
      </c>
      <c r="F103" s="64" t="s">
        <v>1180</v>
      </c>
      <c r="G103" s="64" t="s">
        <v>1692</v>
      </c>
      <c r="H103" s="64" t="s">
        <v>1668</v>
      </c>
      <c r="I103" s="134">
        <v>43497</v>
      </c>
    </row>
    <row r="104" spans="1:29" s="199" customFormat="1" ht="26.25" customHeight="1" x14ac:dyDescent="0.15">
      <c r="A104" s="78">
        <v>103</v>
      </c>
      <c r="B104" s="64">
        <v>1670114535</v>
      </c>
      <c r="C104" s="78" t="s">
        <v>327</v>
      </c>
      <c r="D104" s="64">
        <v>9300034</v>
      </c>
      <c r="E104" s="78" t="s">
        <v>1693</v>
      </c>
      <c r="F104" s="64" t="s">
        <v>1201</v>
      </c>
      <c r="G104" s="64" t="s">
        <v>1694</v>
      </c>
      <c r="H104" s="64" t="s">
        <v>694</v>
      </c>
      <c r="I104" s="134">
        <v>43497</v>
      </c>
    </row>
    <row r="105" spans="1:29" ht="26.25" customHeight="1" x14ac:dyDescent="0.15">
      <c r="A105" s="78">
        <v>104</v>
      </c>
      <c r="B105" s="64">
        <v>1670114626</v>
      </c>
      <c r="C105" s="78" t="s">
        <v>1030</v>
      </c>
      <c r="D105" s="64">
        <v>9392729</v>
      </c>
      <c r="E105" s="78" t="s">
        <v>458</v>
      </c>
      <c r="F105" s="64" t="s">
        <v>1161</v>
      </c>
      <c r="G105" s="64" t="s">
        <v>2079</v>
      </c>
      <c r="H105" s="64" t="s">
        <v>1713</v>
      </c>
      <c r="I105" s="140" t="s">
        <v>1714</v>
      </c>
    </row>
    <row r="106" spans="1:29" ht="26.25" customHeight="1" x14ac:dyDescent="0.15">
      <c r="A106" s="78">
        <v>105</v>
      </c>
      <c r="B106" s="64">
        <v>1670114717</v>
      </c>
      <c r="C106" s="78" t="s">
        <v>425</v>
      </c>
      <c r="D106" s="64">
        <v>9393521</v>
      </c>
      <c r="E106" s="78" t="s">
        <v>167</v>
      </c>
      <c r="F106" s="64" t="s">
        <v>822</v>
      </c>
      <c r="G106" s="64" t="s">
        <v>297</v>
      </c>
      <c r="H106" s="64" t="s">
        <v>1271</v>
      </c>
      <c r="I106" s="140">
        <v>43770</v>
      </c>
    </row>
    <row r="107" spans="1:29" ht="26.25" customHeight="1" x14ac:dyDescent="0.15">
      <c r="A107" s="78">
        <v>106</v>
      </c>
      <c r="B107" s="120">
        <v>1670114758</v>
      </c>
      <c r="C107" s="122" t="s">
        <v>1897</v>
      </c>
      <c r="D107" s="64">
        <v>9398272</v>
      </c>
      <c r="E107" s="78" t="s">
        <v>1169</v>
      </c>
      <c r="F107" s="64" t="s">
        <v>1157</v>
      </c>
      <c r="G107" s="64" t="s">
        <v>1690</v>
      </c>
      <c r="H107" s="64" t="s">
        <v>1550</v>
      </c>
      <c r="I107" s="134">
        <v>43862</v>
      </c>
    </row>
    <row r="108" spans="1:29" ht="26.25" customHeight="1" x14ac:dyDescent="0.15">
      <c r="A108" s="78">
        <v>107</v>
      </c>
      <c r="B108" s="120">
        <v>1670114782</v>
      </c>
      <c r="C108" s="122" t="s">
        <v>1868</v>
      </c>
      <c r="D108" s="64">
        <v>9300901</v>
      </c>
      <c r="E108" s="78" t="s">
        <v>1340</v>
      </c>
      <c r="F108" s="64" t="s">
        <v>21</v>
      </c>
      <c r="G108" s="64" t="s">
        <v>376</v>
      </c>
      <c r="H108" s="64" t="s">
        <v>38</v>
      </c>
      <c r="I108" s="134">
        <v>43862</v>
      </c>
    </row>
    <row r="109" spans="1:29" ht="26.25" customHeight="1" x14ac:dyDescent="0.15">
      <c r="A109" s="78">
        <v>108</v>
      </c>
      <c r="B109" s="64">
        <v>1670114824</v>
      </c>
      <c r="C109" s="78" t="s">
        <v>1748</v>
      </c>
      <c r="D109" s="64">
        <v>9398003</v>
      </c>
      <c r="E109" s="78" t="s">
        <v>1361</v>
      </c>
      <c r="F109" s="64" t="s">
        <v>1749</v>
      </c>
      <c r="G109" s="64" t="s">
        <v>1255</v>
      </c>
      <c r="H109" s="64" t="s">
        <v>452</v>
      </c>
      <c r="I109" s="140">
        <v>43922</v>
      </c>
    </row>
    <row r="110" spans="1:29" ht="26.25" customHeight="1" x14ac:dyDescent="0.15">
      <c r="A110" s="78">
        <v>109</v>
      </c>
      <c r="B110" s="64">
        <v>1670114899</v>
      </c>
      <c r="C110" s="78" t="s">
        <v>1721</v>
      </c>
      <c r="D110" s="64">
        <v>9398086</v>
      </c>
      <c r="E110" s="78" t="s">
        <v>2156</v>
      </c>
      <c r="F110" s="64" t="s">
        <v>1264</v>
      </c>
      <c r="G110" s="64" t="s">
        <v>1780</v>
      </c>
      <c r="H110" s="64" t="s">
        <v>1650</v>
      </c>
      <c r="I110" s="140">
        <v>43952</v>
      </c>
    </row>
    <row r="111" spans="1:29" ht="26.25" customHeight="1" x14ac:dyDescent="0.15">
      <c r="A111" s="78">
        <v>110</v>
      </c>
      <c r="B111" s="64">
        <v>1670114949</v>
      </c>
      <c r="C111" s="78" t="s">
        <v>481</v>
      </c>
      <c r="D111" s="64">
        <v>9300014</v>
      </c>
      <c r="E111" s="78" t="s">
        <v>1766</v>
      </c>
      <c r="F111" s="64" t="s">
        <v>1174</v>
      </c>
      <c r="G111" s="64" t="s">
        <v>1337</v>
      </c>
      <c r="H111" s="64" t="s">
        <v>1391</v>
      </c>
      <c r="I111" s="140">
        <v>43983</v>
      </c>
    </row>
    <row r="112" spans="1:29" ht="26.25" customHeight="1" x14ac:dyDescent="0.15">
      <c r="A112" s="78">
        <v>111</v>
      </c>
      <c r="B112" s="64">
        <v>1670115086</v>
      </c>
      <c r="C112" s="78" t="s">
        <v>1811</v>
      </c>
      <c r="D112" s="64">
        <v>9398005</v>
      </c>
      <c r="E112" s="78" t="s">
        <v>1810</v>
      </c>
      <c r="F112" s="38" t="s">
        <v>1296</v>
      </c>
      <c r="G112" s="64" t="s">
        <v>1430</v>
      </c>
      <c r="H112" s="64" t="s">
        <v>1487</v>
      </c>
      <c r="I112" s="134">
        <v>44378</v>
      </c>
    </row>
    <row r="113" spans="1:11" ht="26.25" customHeight="1" x14ac:dyDescent="0.15">
      <c r="A113" s="78">
        <v>112</v>
      </c>
      <c r="B113" s="64">
        <v>1670115219</v>
      </c>
      <c r="C113" s="78" t="s">
        <v>947</v>
      </c>
      <c r="D113" s="64">
        <v>9398055</v>
      </c>
      <c r="E113" s="78" t="s">
        <v>1928</v>
      </c>
      <c r="F113" s="38" t="s">
        <v>1770</v>
      </c>
      <c r="G113" s="201" t="s">
        <v>1134</v>
      </c>
      <c r="H113" s="64" t="s">
        <v>1368</v>
      </c>
      <c r="I113" s="134">
        <v>44805</v>
      </c>
    </row>
    <row r="114" spans="1:11" ht="26.25" customHeight="1" x14ac:dyDescent="0.15">
      <c r="A114" s="78">
        <v>113</v>
      </c>
      <c r="B114" s="64">
        <v>1670115367</v>
      </c>
      <c r="C114" s="78" t="s">
        <v>1719</v>
      </c>
      <c r="D114" s="64">
        <v>9318333</v>
      </c>
      <c r="E114" s="78" t="s">
        <v>582</v>
      </c>
      <c r="F114" s="38" t="s">
        <v>658</v>
      </c>
      <c r="G114" s="64" t="s">
        <v>1903</v>
      </c>
      <c r="H114" s="64" t="s">
        <v>1904</v>
      </c>
      <c r="I114" s="134">
        <v>45170</v>
      </c>
      <c r="J114" s="206"/>
      <c r="K114" s="44"/>
    </row>
    <row r="115" spans="1:11" ht="26.25" customHeight="1" x14ac:dyDescent="0.15">
      <c r="A115" s="78">
        <v>114</v>
      </c>
      <c r="B115" s="64">
        <v>1670115383</v>
      </c>
      <c r="C115" s="78" t="s">
        <v>1262</v>
      </c>
      <c r="D115" s="64">
        <v>9301327</v>
      </c>
      <c r="E115" s="78" t="s">
        <v>1901</v>
      </c>
      <c r="F115" s="38" t="s">
        <v>378</v>
      </c>
      <c r="G115" s="64" t="s">
        <v>1902</v>
      </c>
      <c r="H115" s="64" t="s">
        <v>1886</v>
      </c>
      <c r="I115" s="134">
        <v>45200</v>
      </c>
      <c r="J115" s="206"/>
      <c r="K115" s="44"/>
    </row>
    <row r="116" spans="1:11" ht="26.25" customHeight="1" x14ac:dyDescent="0.15">
      <c r="A116" s="78">
        <v>115</v>
      </c>
      <c r="B116" s="64">
        <v>1670115433</v>
      </c>
      <c r="C116" s="78" t="s">
        <v>1910</v>
      </c>
      <c r="D116" s="64">
        <v>9390534</v>
      </c>
      <c r="E116" s="78" t="s">
        <v>1911</v>
      </c>
      <c r="F116" s="38" t="s">
        <v>1909</v>
      </c>
      <c r="G116" s="64" t="s">
        <v>1394</v>
      </c>
      <c r="H116" s="64" t="s">
        <v>916</v>
      </c>
      <c r="I116" s="134">
        <v>45292</v>
      </c>
      <c r="J116" s="206"/>
      <c r="K116" s="44"/>
    </row>
    <row r="117" spans="1:11" ht="26.25" customHeight="1" x14ac:dyDescent="0.15">
      <c r="A117" s="78">
        <v>116</v>
      </c>
      <c r="B117" s="64">
        <v>1670115425</v>
      </c>
      <c r="C117" s="78" t="s">
        <v>408</v>
      </c>
      <c r="D117" s="64">
        <v>9398025</v>
      </c>
      <c r="E117" s="78" t="s">
        <v>1912</v>
      </c>
      <c r="F117" s="38" t="s">
        <v>791</v>
      </c>
      <c r="G117" s="64" t="s">
        <v>1914</v>
      </c>
      <c r="H117" s="64" t="s">
        <v>1249</v>
      </c>
      <c r="I117" s="134">
        <v>45292</v>
      </c>
      <c r="J117" s="206"/>
      <c r="K117" s="44"/>
    </row>
    <row r="118" spans="1:11" ht="26.25" customHeight="1" x14ac:dyDescent="0.15">
      <c r="A118" s="78">
        <v>117</v>
      </c>
      <c r="B118" s="64">
        <v>1670115441</v>
      </c>
      <c r="C118" s="78" t="s">
        <v>692</v>
      </c>
      <c r="D118" s="64">
        <v>9300039</v>
      </c>
      <c r="E118" s="78" t="s">
        <v>42</v>
      </c>
      <c r="F118" s="64" t="s">
        <v>1174</v>
      </c>
      <c r="G118" s="64" t="s">
        <v>2080</v>
      </c>
      <c r="H118" s="64" t="s">
        <v>2081</v>
      </c>
      <c r="I118" s="134">
        <v>45323</v>
      </c>
      <c r="J118" s="206"/>
      <c r="K118" s="44"/>
    </row>
    <row r="119" spans="1:11" ht="26.25" customHeight="1" x14ac:dyDescent="0.15">
      <c r="A119" s="78">
        <v>118</v>
      </c>
      <c r="B119" s="64">
        <v>1670115490</v>
      </c>
      <c r="C119" s="78" t="s">
        <v>2037</v>
      </c>
      <c r="D119" s="64">
        <v>9300835</v>
      </c>
      <c r="E119" s="78" t="s">
        <v>1864</v>
      </c>
      <c r="F119" s="64" t="s">
        <v>245</v>
      </c>
      <c r="G119" s="64" t="s">
        <v>73</v>
      </c>
      <c r="H119" s="64" t="s">
        <v>93</v>
      </c>
      <c r="I119" s="134">
        <v>45474</v>
      </c>
      <c r="J119" s="206"/>
      <c r="K119" s="44"/>
    </row>
    <row r="120" spans="1:11" ht="26.25" customHeight="1" x14ac:dyDescent="0.15">
      <c r="A120" s="78">
        <v>119</v>
      </c>
      <c r="B120" s="64">
        <v>1670115516</v>
      </c>
      <c r="C120" s="78" t="s">
        <v>2044</v>
      </c>
      <c r="D120" s="64">
        <v>9300825</v>
      </c>
      <c r="E120" s="78" t="s">
        <v>2045</v>
      </c>
      <c r="F120" s="64" t="s">
        <v>21</v>
      </c>
      <c r="G120" s="64" t="s">
        <v>2046</v>
      </c>
      <c r="H120" s="64" t="s">
        <v>2047</v>
      </c>
      <c r="I120" s="134">
        <v>45536</v>
      </c>
      <c r="J120" s="206"/>
      <c r="K120" s="44"/>
    </row>
    <row r="121" spans="1:11" ht="26.25" customHeight="1" x14ac:dyDescent="0.15">
      <c r="A121" s="78">
        <v>120</v>
      </c>
      <c r="B121" s="13">
        <v>1670115581</v>
      </c>
      <c r="C121" s="17" t="s">
        <v>2069</v>
      </c>
      <c r="D121" s="13">
        <v>9398075</v>
      </c>
      <c r="E121" s="17" t="s">
        <v>2070</v>
      </c>
      <c r="F121" s="13" t="s">
        <v>1999</v>
      </c>
      <c r="G121" s="13" t="s">
        <v>2066</v>
      </c>
      <c r="H121" s="13" t="s">
        <v>2067</v>
      </c>
      <c r="I121" s="137">
        <v>45658</v>
      </c>
      <c r="J121" s="206"/>
      <c r="K121" s="44"/>
    </row>
    <row r="122" spans="1:11" ht="26.25" customHeight="1" x14ac:dyDescent="0.15">
      <c r="A122" s="78">
        <v>121</v>
      </c>
      <c r="B122" s="12">
        <v>1670115698</v>
      </c>
      <c r="C122" s="16" t="s">
        <v>1282</v>
      </c>
      <c r="D122" s="12">
        <v>9318312</v>
      </c>
      <c r="E122" s="67" t="s">
        <v>391</v>
      </c>
      <c r="F122" s="24" t="s">
        <v>1175</v>
      </c>
      <c r="G122" s="12" t="s">
        <v>2125</v>
      </c>
      <c r="H122" s="12" t="s">
        <v>1324</v>
      </c>
      <c r="I122" s="138">
        <v>45809</v>
      </c>
    </row>
    <row r="123" spans="1:11" ht="26.25" customHeight="1" x14ac:dyDescent="0.15">
      <c r="A123" s="17">
        <v>122</v>
      </c>
      <c r="B123" s="12">
        <v>1670115706</v>
      </c>
      <c r="C123" s="16" t="s">
        <v>2120</v>
      </c>
      <c r="D123" s="12">
        <v>9318312</v>
      </c>
      <c r="E123" s="67" t="s">
        <v>2122</v>
      </c>
      <c r="F123" s="24" t="s">
        <v>1175</v>
      </c>
      <c r="G123" s="12" t="s">
        <v>33</v>
      </c>
      <c r="H123" s="12" t="s">
        <v>1669</v>
      </c>
      <c r="I123" s="138">
        <v>45809</v>
      </c>
    </row>
    <row r="124" spans="1:11" ht="25.5" customHeight="1" x14ac:dyDescent="0.15">
      <c r="A124" s="16">
        <v>123</v>
      </c>
      <c r="B124" s="12">
        <v>1670115813</v>
      </c>
      <c r="C124" s="16" t="s">
        <v>2163</v>
      </c>
      <c r="D124" s="12">
        <v>9300887</v>
      </c>
      <c r="E124" s="69" t="s">
        <v>2164</v>
      </c>
      <c r="F124" s="24" t="s">
        <v>2165</v>
      </c>
      <c r="G124" s="13" t="s">
        <v>2166</v>
      </c>
      <c r="H124" s="13" t="s">
        <v>1145</v>
      </c>
      <c r="I124" s="138">
        <v>45992</v>
      </c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76" fitToHeight="0" orientation="landscape" r:id="rId1"/>
  <headerFooter alignWithMargins="0">
    <oddHeader>&amp;C&amp;14居宅介護支援事業所一覧</oddHeader>
    <oddFooter>&amp;C&amp;P &amp;R(&amp;A)</oddFooter>
  </headerFooter>
  <ignoredErrors>
    <ignoredError sqref="B69:B71 D70:D71 D98:D101 B98" numberStoredAsText="1"/>
  </ignoredError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4">
    <tabColor theme="9"/>
    <pageSetUpPr fitToPage="1"/>
  </sheetPr>
  <dimension ref="A1:L29"/>
  <sheetViews>
    <sheetView view="pageBreakPreview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125" style="1" customWidth="1"/>
    <col min="4" max="5" width="7.625" style="1" customWidth="1"/>
    <col min="6" max="6" width="10.625" style="1" customWidth="1"/>
    <col min="7" max="7" width="29.625" style="1" customWidth="1"/>
    <col min="8" max="8" width="10.625" style="5" customWidth="1"/>
    <col min="9" max="9" width="13.125" style="6" customWidth="1"/>
    <col min="10" max="10" width="13.125" style="6" bestFit="1" customWidth="1"/>
    <col min="11" max="11" width="9.625" style="7" customWidth="1"/>
    <col min="12" max="16384" width="9" style="1"/>
  </cols>
  <sheetData>
    <row r="1" spans="1:12" s="5" customFormat="1" ht="36.950000000000003" customHeight="1" x14ac:dyDescent="0.15">
      <c r="A1" s="8"/>
      <c r="B1" s="11" t="s">
        <v>285</v>
      </c>
      <c r="C1" s="11" t="s">
        <v>530</v>
      </c>
      <c r="D1" s="207" t="s">
        <v>511</v>
      </c>
      <c r="E1" s="208"/>
      <c r="F1" s="11" t="s">
        <v>1866</v>
      </c>
      <c r="G1" s="11" t="s">
        <v>830</v>
      </c>
      <c r="H1" s="11" t="s">
        <v>1155</v>
      </c>
      <c r="I1" s="11" t="s">
        <v>832</v>
      </c>
      <c r="J1" s="11" t="s">
        <v>835</v>
      </c>
      <c r="K1" s="29" t="s">
        <v>182</v>
      </c>
    </row>
    <row r="2" spans="1:12" ht="26.25" customHeight="1" x14ac:dyDescent="0.15">
      <c r="A2" s="9">
        <v>1</v>
      </c>
      <c r="B2" s="12">
        <v>1670100500</v>
      </c>
      <c r="C2" s="16" t="s">
        <v>1126</v>
      </c>
      <c r="D2" s="16">
        <v>150</v>
      </c>
      <c r="E2" s="18"/>
      <c r="F2" s="12">
        <v>9398281</v>
      </c>
      <c r="G2" s="16" t="s">
        <v>1203</v>
      </c>
      <c r="H2" s="24" t="s">
        <v>46</v>
      </c>
      <c r="I2" s="12" t="s">
        <v>101</v>
      </c>
      <c r="J2" s="12" t="s">
        <v>74</v>
      </c>
      <c r="K2" s="30">
        <v>36617</v>
      </c>
    </row>
    <row r="3" spans="1:12" ht="26.25" customHeight="1" x14ac:dyDescent="0.15">
      <c r="A3" s="9">
        <v>2</v>
      </c>
      <c r="B3" s="12">
        <v>1670100641</v>
      </c>
      <c r="C3" s="16" t="s">
        <v>421</v>
      </c>
      <c r="D3" s="16">
        <v>68</v>
      </c>
      <c r="E3" s="18">
        <v>68</v>
      </c>
      <c r="F3" s="12">
        <v>9398222</v>
      </c>
      <c r="G3" s="16" t="s">
        <v>980</v>
      </c>
      <c r="H3" s="24" t="s">
        <v>1163</v>
      </c>
      <c r="I3" s="12" t="s">
        <v>141</v>
      </c>
      <c r="J3" s="12" t="s">
        <v>356</v>
      </c>
      <c r="K3" s="30">
        <v>36617</v>
      </c>
    </row>
    <row r="4" spans="1:12" ht="26.25" customHeight="1" x14ac:dyDescent="0.15">
      <c r="A4" s="9">
        <v>3</v>
      </c>
      <c r="B4" s="12">
        <v>1670100773</v>
      </c>
      <c r="C4" s="16" t="s">
        <v>105</v>
      </c>
      <c r="D4" s="16">
        <v>90</v>
      </c>
      <c r="E4" s="18">
        <v>90</v>
      </c>
      <c r="F4" s="12">
        <v>9300142</v>
      </c>
      <c r="G4" s="16" t="s">
        <v>1206</v>
      </c>
      <c r="H4" s="24" t="s">
        <v>55</v>
      </c>
      <c r="I4" s="12" t="s">
        <v>566</v>
      </c>
      <c r="J4" s="12" t="s">
        <v>260</v>
      </c>
      <c r="K4" s="30">
        <v>36617</v>
      </c>
    </row>
    <row r="5" spans="1:12" ht="26.25" customHeight="1" x14ac:dyDescent="0.15">
      <c r="A5" s="9">
        <v>4</v>
      </c>
      <c r="B5" s="12">
        <v>1670100815</v>
      </c>
      <c r="C5" s="16" t="s">
        <v>364</v>
      </c>
      <c r="D5" s="16">
        <v>80</v>
      </c>
      <c r="E5" s="18"/>
      <c r="F5" s="12">
        <v>9302233</v>
      </c>
      <c r="G5" s="16" t="s">
        <v>545</v>
      </c>
      <c r="H5" s="24" t="s">
        <v>798</v>
      </c>
      <c r="I5" s="12" t="s">
        <v>255</v>
      </c>
      <c r="J5" s="12" t="s">
        <v>1051</v>
      </c>
      <c r="K5" s="30">
        <v>36617</v>
      </c>
    </row>
    <row r="6" spans="1:12" ht="26.25" customHeight="1" x14ac:dyDescent="0.15">
      <c r="A6" s="9">
        <v>5</v>
      </c>
      <c r="B6" s="12">
        <v>1670100484</v>
      </c>
      <c r="C6" s="16" t="s">
        <v>111</v>
      </c>
      <c r="D6" s="16">
        <v>40</v>
      </c>
      <c r="E6" s="18"/>
      <c r="F6" s="12">
        <v>9318412</v>
      </c>
      <c r="G6" s="16" t="s">
        <v>1210</v>
      </c>
      <c r="H6" s="24" t="s">
        <v>186</v>
      </c>
      <c r="I6" s="12" t="s">
        <v>341</v>
      </c>
      <c r="J6" s="12" t="s">
        <v>688</v>
      </c>
      <c r="K6" s="30">
        <v>36617</v>
      </c>
      <c r="L6" s="35"/>
    </row>
    <row r="7" spans="1:12" ht="26.25" customHeight="1" x14ac:dyDescent="0.15">
      <c r="A7" s="9">
        <v>6</v>
      </c>
      <c r="B7" s="12">
        <v>1670114501</v>
      </c>
      <c r="C7" s="16" t="s">
        <v>111</v>
      </c>
      <c r="D7" s="16">
        <v>60</v>
      </c>
      <c r="E7" s="18">
        <v>60</v>
      </c>
      <c r="F7" s="12">
        <v>9318412</v>
      </c>
      <c r="G7" s="16" t="s">
        <v>1210</v>
      </c>
      <c r="H7" s="24" t="s">
        <v>186</v>
      </c>
      <c r="I7" s="12" t="s">
        <v>341</v>
      </c>
      <c r="J7" s="12" t="s">
        <v>688</v>
      </c>
      <c r="K7" s="31">
        <v>43466</v>
      </c>
      <c r="L7" s="36"/>
    </row>
    <row r="8" spans="1:12" ht="26.25" customHeight="1" x14ac:dyDescent="0.15">
      <c r="A8" s="9">
        <v>7</v>
      </c>
      <c r="B8" s="12">
        <v>1670100419</v>
      </c>
      <c r="C8" s="16" t="s">
        <v>338</v>
      </c>
      <c r="D8" s="16">
        <v>100</v>
      </c>
      <c r="E8" s="18"/>
      <c r="F8" s="12">
        <v>9398025</v>
      </c>
      <c r="G8" s="16" t="s">
        <v>1211</v>
      </c>
      <c r="H8" s="24" t="s">
        <v>791</v>
      </c>
      <c r="I8" s="12" t="s">
        <v>313</v>
      </c>
      <c r="J8" s="12" t="s">
        <v>974</v>
      </c>
      <c r="K8" s="30">
        <v>36617</v>
      </c>
    </row>
    <row r="9" spans="1:12" ht="26.25" customHeight="1" x14ac:dyDescent="0.15">
      <c r="A9" s="9">
        <v>8</v>
      </c>
      <c r="B9" s="12">
        <v>1670100591</v>
      </c>
      <c r="C9" s="16" t="s">
        <v>107</v>
      </c>
      <c r="D9" s="16">
        <v>70</v>
      </c>
      <c r="E9" s="18">
        <v>70</v>
      </c>
      <c r="F9" s="12">
        <v>9393515</v>
      </c>
      <c r="G9" s="16" t="s">
        <v>911</v>
      </c>
      <c r="H9" s="24" t="s">
        <v>508</v>
      </c>
      <c r="I9" s="12" t="s">
        <v>403</v>
      </c>
      <c r="J9" s="12" t="s">
        <v>94</v>
      </c>
      <c r="K9" s="30">
        <v>36617</v>
      </c>
    </row>
    <row r="10" spans="1:12" ht="26.25" customHeight="1" x14ac:dyDescent="0.15">
      <c r="A10" s="9">
        <v>9</v>
      </c>
      <c r="B10" s="12">
        <v>1670100690</v>
      </c>
      <c r="C10" s="16" t="s">
        <v>602</v>
      </c>
      <c r="D10" s="16">
        <v>80</v>
      </c>
      <c r="E10" s="18"/>
      <c r="F10" s="12">
        <v>9302215</v>
      </c>
      <c r="G10" s="16" t="s">
        <v>1212</v>
      </c>
      <c r="H10" s="24" t="s">
        <v>970</v>
      </c>
      <c r="I10" s="12" t="s">
        <v>195</v>
      </c>
      <c r="J10" s="12" t="s">
        <v>200</v>
      </c>
      <c r="K10" s="30">
        <v>36617</v>
      </c>
    </row>
    <row r="11" spans="1:12" ht="26.25" customHeight="1" x14ac:dyDescent="0.15">
      <c r="A11" s="9">
        <v>10</v>
      </c>
      <c r="B11" s="12">
        <v>1670100831</v>
      </c>
      <c r="C11" s="16" t="s">
        <v>1440</v>
      </c>
      <c r="D11" s="16">
        <v>100</v>
      </c>
      <c r="E11" s="18">
        <v>100</v>
      </c>
      <c r="F11" s="12">
        <v>9393535</v>
      </c>
      <c r="G11" s="16" t="s">
        <v>1181</v>
      </c>
      <c r="H11" s="24" t="s">
        <v>760</v>
      </c>
      <c r="I11" s="12" t="s">
        <v>293</v>
      </c>
      <c r="J11" s="12" t="s">
        <v>562</v>
      </c>
      <c r="K11" s="30">
        <v>36617</v>
      </c>
    </row>
    <row r="12" spans="1:12" ht="26.25" customHeight="1" x14ac:dyDescent="0.15">
      <c r="A12" s="9">
        <v>11</v>
      </c>
      <c r="B12" s="12">
        <v>1671500179</v>
      </c>
      <c r="C12" s="16" t="s">
        <v>216</v>
      </c>
      <c r="D12" s="16">
        <v>48</v>
      </c>
      <c r="E12" s="18"/>
      <c r="F12" s="12">
        <v>9392226</v>
      </c>
      <c r="G12" s="16" t="s">
        <v>1214</v>
      </c>
      <c r="H12" s="24" t="s">
        <v>620</v>
      </c>
      <c r="I12" s="12" t="s">
        <v>518</v>
      </c>
      <c r="J12" s="12" t="s">
        <v>194</v>
      </c>
      <c r="K12" s="30">
        <v>36617</v>
      </c>
    </row>
    <row r="13" spans="1:12" ht="26.25" customHeight="1" x14ac:dyDescent="0.15">
      <c r="A13" s="9">
        <v>12</v>
      </c>
      <c r="B13" s="12">
        <v>1671800140</v>
      </c>
      <c r="C13" s="16" t="s">
        <v>711</v>
      </c>
      <c r="D13" s="16">
        <v>42</v>
      </c>
      <c r="E13" s="18"/>
      <c r="F13" s="12">
        <v>9392712</v>
      </c>
      <c r="G13" s="16" t="s">
        <v>705</v>
      </c>
      <c r="H13" s="24" t="s">
        <v>1161</v>
      </c>
      <c r="I13" s="12" t="s">
        <v>109</v>
      </c>
      <c r="J13" s="12" t="s">
        <v>23</v>
      </c>
      <c r="K13" s="30">
        <v>36617</v>
      </c>
    </row>
    <row r="14" spans="1:12" ht="26.25" customHeight="1" x14ac:dyDescent="0.15">
      <c r="A14" s="9">
        <v>13</v>
      </c>
      <c r="B14" s="12">
        <v>1670112752</v>
      </c>
      <c r="C14" s="16" t="s">
        <v>711</v>
      </c>
      <c r="D14" s="16">
        <v>38</v>
      </c>
      <c r="E14" s="18">
        <v>38</v>
      </c>
      <c r="F14" s="12">
        <v>9392712</v>
      </c>
      <c r="G14" s="16" t="s">
        <v>705</v>
      </c>
      <c r="H14" s="24" t="s">
        <v>1161</v>
      </c>
      <c r="I14" s="12" t="s">
        <v>109</v>
      </c>
      <c r="J14" s="12" t="s">
        <v>23</v>
      </c>
      <c r="K14" s="30">
        <v>36617</v>
      </c>
    </row>
    <row r="15" spans="1:12" ht="26.25" customHeight="1" x14ac:dyDescent="0.15">
      <c r="A15" s="9">
        <v>14</v>
      </c>
      <c r="B15" s="12">
        <v>1671500187</v>
      </c>
      <c r="C15" s="16" t="s">
        <v>139</v>
      </c>
      <c r="D15" s="16">
        <v>80</v>
      </c>
      <c r="E15" s="18"/>
      <c r="F15" s="12">
        <v>9301326</v>
      </c>
      <c r="G15" s="16" t="s">
        <v>1216</v>
      </c>
      <c r="H15" s="24" t="s">
        <v>723</v>
      </c>
      <c r="I15" s="12" t="s">
        <v>762</v>
      </c>
      <c r="J15" s="12" t="s">
        <v>672</v>
      </c>
      <c r="K15" s="30">
        <v>36617</v>
      </c>
    </row>
    <row r="16" spans="1:12" ht="26.25" customHeight="1" x14ac:dyDescent="0.15">
      <c r="A16" s="9">
        <v>15</v>
      </c>
      <c r="B16" s="12">
        <v>1671500138</v>
      </c>
      <c r="C16" s="16" t="s">
        <v>559</v>
      </c>
      <c r="D16" s="16">
        <v>50</v>
      </c>
      <c r="E16" s="18"/>
      <c r="F16" s="12">
        <v>9392201</v>
      </c>
      <c r="G16" s="16" t="s">
        <v>618</v>
      </c>
      <c r="H16" s="24" t="s">
        <v>620</v>
      </c>
      <c r="I16" s="12" t="s">
        <v>902</v>
      </c>
      <c r="J16" s="12" t="s">
        <v>170</v>
      </c>
      <c r="K16" s="30">
        <v>36617</v>
      </c>
    </row>
    <row r="17" spans="1:12" ht="26.25" customHeight="1" x14ac:dyDescent="0.15">
      <c r="A17" s="9">
        <v>16</v>
      </c>
      <c r="B17" s="12">
        <v>1670101888</v>
      </c>
      <c r="C17" s="16" t="s">
        <v>193</v>
      </c>
      <c r="D17" s="16">
        <v>80</v>
      </c>
      <c r="E17" s="18"/>
      <c r="F17" s="12">
        <v>9398121</v>
      </c>
      <c r="G17" s="16" t="s">
        <v>1217</v>
      </c>
      <c r="H17" s="24" t="s">
        <v>1159</v>
      </c>
      <c r="I17" s="12" t="s">
        <v>385</v>
      </c>
      <c r="J17" s="12" t="s">
        <v>386</v>
      </c>
      <c r="K17" s="30">
        <v>37347</v>
      </c>
    </row>
    <row r="18" spans="1:12" ht="26.25" customHeight="1" x14ac:dyDescent="0.15">
      <c r="A18" s="9">
        <v>17</v>
      </c>
      <c r="B18" s="12">
        <v>1671800355</v>
      </c>
      <c r="C18" s="16" t="s">
        <v>13</v>
      </c>
      <c r="D18" s="16">
        <v>80</v>
      </c>
      <c r="E18" s="18"/>
      <c r="F18" s="12">
        <v>9392603</v>
      </c>
      <c r="G18" s="16" t="s">
        <v>1220</v>
      </c>
      <c r="H18" s="24" t="s">
        <v>1161</v>
      </c>
      <c r="I18" s="12" t="s">
        <v>678</v>
      </c>
      <c r="J18" s="12" t="s">
        <v>903</v>
      </c>
      <c r="K18" s="30">
        <v>37438</v>
      </c>
    </row>
    <row r="19" spans="1:12" ht="26.25" customHeight="1" x14ac:dyDescent="0.15">
      <c r="A19" s="9">
        <v>18</v>
      </c>
      <c r="B19" s="12">
        <v>1671800397</v>
      </c>
      <c r="C19" s="16" t="s">
        <v>330</v>
      </c>
      <c r="D19" s="16">
        <v>50</v>
      </c>
      <c r="E19" s="18"/>
      <c r="F19" s="12">
        <v>9392362</v>
      </c>
      <c r="G19" s="16" t="s">
        <v>1221</v>
      </c>
      <c r="H19" s="24" t="s">
        <v>999</v>
      </c>
      <c r="I19" s="12" t="s">
        <v>78</v>
      </c>
      <c r="J19" s="12" t="s">
        <v>681</v>
      </c>
      <c r="K19" s="30">
        <v>37832</v>
      </c>
    </row>
    <row r="20" spans="1:12" ht="26.25" customHeight="1" x14ac:dyDescent="0.15">
      <c r="A20" s="9">
        <v>19</v>
      </c>
      <c r="B20" s="12">
        <v>1670102621</v>
      </c>
      <c r="C20" s="16" t="s">
        <v>153</v>
      </c>
      <c r="D20" s="16">
        <v>70</v>
      </c>
      <c r="E20" s="18">
        <v>70</v>
      </c>
      <c r="F20" s="12">
        <v>9300802</v>
      </c>
      <c r="G20" s="16" t="s">
        <v>1001</v>
      </c>
      <c r="H20" s="24" t="s">
        <v>1156</v>
      </c>
      <c r="I20" s="12" t="s">
        <v>1031</v>
      </c>
      <c r="J20" s="12" t="s">
        <v>1032</v>
      </c>
      <c r="K20" s="30">
        <v>38016</v>
      </c>
    </row>
    <row r="21" spans="1:12" ht="26.25" customHeight="1" x14ac:dyDescent="0.15">
      <c r="A21" s="9">
        <v>20</v>
      </c>
      <c r="B21" s="12">
        <v>1670103306</v>
      </c>
      <c r="C21" s="16" t="s">
        <v>865</v>
      </c>
      <c r="D21" s="16">
        <v>70</v>
      </c>
      <c r="E21" s="18">
        <v>70</v>
      </c>
      <c r="F21" s="12">
        <v>9398055</v>
      </c>
      <c r="G21" s="16" t="s">
        <v>899</v>
      </c>
      <c r="H21" s="24" t="s">
        <v>1172</v>
      </c>
      <c r="I21" s="12" t="s">
        <v>35</v>
      </c>
      <c r="J21" s="12" t="s">
        <v>166</v>
      </c>
      <c r="K21" s="30">
        <v>38596</v>
      </c>
    </row>
    <row r="22" spans="1:12" ht="26.25" customHeight="1" x14ac:dyDescent="0.15">
      <c r="A22" s="9">
        <v>21</v>
      </c>
      <c r="B22" s="12">
        <v>1670103819</v>
      </c>
      <c r="C22" s="16" t="s">
        <v>383</v>
      </c>
      <c r="D22" s="16">
        <v>70</v>
      </c>
      <c r="E22" s="18">
        <v>70</v>
      </c>
      <c r="F22" s="12">
        <v>9300166</v>
      </c>
      <c r="G22" s="16" t="s">
        <v>1132</v>
      </c>
      <c r="H22" s="24" t="s">
        <v>278</v>
      </c>
      <c r="I22" s="12" t="s">
        <v>544</v>
      </c>
      <c r="J22" s="12" t="s">
        <v>140</v>
      </c>
      <c r="K22" s="30">
        <v>38825</v>
      </c>
    </row>
    <row r="23" spans="1:12" ht="26.25" customHeight="1" x14ac:dyDescent="0.15">
      <c r="A23" s="9">
        <v>22</v>
      </c>
      <c r="B23" s="12">
        <v>1670104213</v>
      </c>
      <c r="C23" s="16" t="s">
        <v>16</v>
      </c>
      <c r="D23" s="16">
        <v>69</v>
      </c>
      <c r="E23" s="18"/>
      <c r="F23" s="12">
        <v>9398032</v>
      </c>
      <c r="G23" s="16" t="s">
        <v>1213</v>
      </c>
      <c r="H23" s="24" t="s">
        <v>1162</v>
      </c>
      <c r="I23" s="12" t="s">
        <v>647</v>
      </c>
      <c r="J23" s="12" t="s">
        <v>1056</v>
      </c>
      <c r="K23" s="30">
        <v>39173</v>
      </c>
    </row>
    <row r="24" spans="1:12" ht="26.25" customHeight="1" x14ac:dyDescent="0.15">
      <c r="A24" s="9">
        <v>23</v>
      </c>
      <c r="B24" s="13">
        <v>1670112661</v>
      </c>
      <c r="C24" s="17" t="s">
        <v>404</v>
      </c>
      <c r="D24" s="17">
        <v>40</v>
      </c>
      <c r="E24" s="22">
        <v>40</v>
      </c>
      <c r="F24" s="13">
        <v>9300173</v>
      </c>
      <c r="G24" s="17" t="s">
        <v>1299</v>
      </c>
      <c r="H24" s="25" t="s">
        <v>1253</v>
      </c>
      <c r="I24" s="12" t="s">
        <v>169</v>
      </c>
      <c r="J24" s="13" t="s">
        <v>1298</v>
      </c>
      <c r="K24" s="32">
        <v>41640</v>
      </c>
    </row>
    <row r="25" spans="1:12" ht="26.25" customHeight="1" x14ac:dyDescent="0.15">
      <c r="A25" s="9">
        <v>24</v>
      </c>
      <c r="B25" s="13">
        <v>1670112976</v>
      </c>
      <c r="C25" s="17" t="s">
        <v>1325</v>
      </c>
      <c r="D25" s="17">
        <v>36</v>
      </c>
      <c r="E25" s="22">
        <v>36</v>
      </c>
      <c r="F25" s="13">
        <v>9392362</v>
      </c>
      <c r="G25" s="17" t="s">
        <v>1328</v>
      </c>
      <c r="H25" s="25" t="s">
        <v>266</v>
      </c>
      <c r="I25" s="27" t="s">
        <v>398</v>
      </c>
      <c r="J25" s="13" t="s">
        <v>681</v>
      </c>
      <c r="K25" s="32">
        <v>41760</v>
      </c>
    </row>
    <row r="26" spans="1:12" ht="26.25" customHeight="1" x14ac:dyDescent="0.15">
      <c r="A26" s="9">
        <v>25</v>
      </c>
      <c r="B26" s="14">
        <v>1670114493</v>
      </c>
      <c r="C26" s="18" t="s">
        <v>547</v>
      </c>
      <c r="D26" s="16">
        <v>41</v>
      </c>
      <c r="E26" s="18">
        <v>41</v>
      </c>
      <c r="F26" s="14">
        <v>9318435</v>
      </c>
      <c r="G26" s="16" t="s">
        <v>138</v>
      </c>
      <c r="H26" s="12" t="s">
        <v>1101</v>
      </c>
      <c r="I26" s="24" t="s">
        <v>717</v>
      </c>
      <c r="J26" s="14" t="s">
        <v>736</v>
      </c>
      <c r="K26" s="33">
        <v>43466</v>
      </c>
      <c r="L26" s="36"/>
    </row>
    <row r="27" spans="1:12" ht="26.25" customHeight="1" x14ac:dyDescent="0.15">
      <c r="A27" s="10"/>
      <c r="B27" s="15"/>
      <c r="C27" s="19" t="s">
        <v>967</v>
      </c>
      <c r="D27" s="20">
        <f>SUM(D2:D26)</f>
        <v>1702</v>
      </c>
      <c r="E27" s="23">
        <f>SUM(E2:E26)</f>
        <v>753</v>
      </c>
      <c r="F27" s="15"/>
      <c r="G27" s="15"/>
      <c r="H27" s="26"/>
      <c r="I27" s="28"/>
      <c r="J27" s="28"/>
      <c r="K27" s="34"/>
    </row>
    <row r="29" spans="1:12" x14ac:dyDescent="0.15">
      <c r="D29" s="21"/>
    </row>
  </sheetData>
  <mergeCells count="1">
    <mergeCell ref="D1:E1"/>
  </mergeCells>
  <phoneticPr fontId="5"/>
  <printOptions horizontalCentered="1"/>
  <pageMargins left="0.59055118110236227" right="0.39370078740157483" top="0.78740157480314965" bottom="0.39370078740157483" header="0.51181102362204722" footer="0.19685039370078741"/>
  <pageSetup paperSize="9" scale="78" orientation="landscape" r:id="rId1"/>
  <headerFooter alignWithMargins="0">
    <oddHeader>&amp;C&amp;14介護老人福祉施設一覧</oddHeader>
    <oddFooter>&amp;C&amp;P&amp;R(&amp;A)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6">
    <tabColor theme="9"/>
  </sheetPr>
  <dimension ref="A1:J19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1" customWidth="1"/>
    <col min="4" max="4" width="7.625" style="1" customWidth="1"/>
    <col min="5" max="5" width="10.625" style="1" customWidth="1"/>
    <col min="6" max="6" width="27.625" style="1" customWidth="1"/>
    <col min="7" max="7" width="10.625" style="5" customWidth="1"/>
    <col min="8" max="9" width="15.625" style="1" customWidth="1"/>
    <col min="10" max="10" width="9.625" style="37" customWidth="1"/>
    <col min="11" max="16384" width="9" style="1"/>
  </cols>
  <sheetData>
    <row r="1" spans="1:10" s="5" customFormat="1" ht="36.950000000000003" customHeight="1" x14ac:dyDescent="0.15">
      <c r="A1" s="8"/>
      <c r="B1" s="11" t="s">
        <v>285</v>
      </c>
      <c r="C1" s="11" t="s">
        <v>530</v>
      </c>
      <c r="D1" s="11" t="s">
        <v>838</v>
      </c>
      <c r="E1" s="38" t="s">
        <v>1866</v>
      </c>
      <c r="F1" s="11" t="s">
        <v>830</v>
      </c>
      <c r="G1" s="11" t="s">
        <v>1164</v>
      </c>
      <c r="H1" s="11" t="s">
        <v>832</v>
      </c>
      <c r="I1" s="11" t="s">
        <v>835</v>
      </c>
      <c r="J1" s="29" t="s">
        <v>182</v>
      </c>
    </row>
    <row r="2" spans="1:10" ht="26.25" customHeight="1" x14ac:dyDescent="0.15">
      <c r="A2" s="9">
        <v>1</v>
      </c>
      <c r="B2" s="12">
        <v>1650180019</v>
      </c>
      <c r="C2" s="16" t="s">
        <v>704</v>
      </c>
      <c r="D2" s="16">
        <v>96</v>
      </c>
      <c r="E2" s="12">
        <v>9398075</v>
      </c>
      <c r="F2" s="16" t="s">
        <v>1222</v>
      </c>
      <c r="G2" s="24" t="s">
        <v>1999</v>
      </c>
      <c r="H2" s="12" t="s">
        <v>706</v>
      </c>
      <c r="I2" s="12" t="s">
        <v>712</v>
      </c>
      <c r="J2" s="39">
        <v>36617</v>
      </c>
    </row>
    <row r="3" spans="1:10" ht="26.25" customHeight="1" x14ac:dyDescent="0.15">
      <c r="A3" s="9">
        <v>2</v>
      </c>
      <c r="B3" s="12">
        <v>1650180035</v>
      </c>
      <c r="C3" s="16" t="s">
        <v>1098</v>
      </c>
      <c r="D3" s="16">
        <v>96</v>
      </c>
      <c r="E3" s="12">
        <v>9398183</v>
      </c>
      <c r="F3" s="16" t="s">
        <v>1042</v>
      </c>
      <c r="G3" s="24" t="s">
        <v>332</v>
      </c>
      <c r="H3" s="12" t="s">
        <v>387</v>
      </c>
      <c r="I3" s="12" t="s">
        <v>389</v>
      </c>
      <c r="J3" s="39">
        <v>36617</v>
      </c>
    </row>
    <row r="4" spans="1:10" ht="26.25" customHeight="1" x14ac:dyDescent="0.15">
      <c r="A4" s="9">
        <v>3</v>
      </c>
      <c r="B4" s="12">
        <v>1650180092</v>
      </c>
      <c r="C4" s="16" t="s">
        <v>1507</v>
      </c>
      <c r="D4" s="16">
        <v>70</v>
      </c>
      <c r="E4" s="12">
        <v>9300058</v>
      </c>
      <c r="F4" s="16" t="s">
        <v>1223</v>
      </c>
      <c r="G4" s="24" t="s">
        <v>1588</v>
      </c>
      <c r="H4" s="12" t="s">
        <v>797</v>
      </c>
      <c r="I4" s="12" t="s">
        <v>203</v>
      </c>
      <c r="J4" s="39">
        <v>36617</v>
      </c>
    </row>
    <row r="5" spans="1:10" ht="26.25" customHeight="1" x14ac:dyDescent="0.15">
      <c r="A5" s="9">
        <v>4</v>
      </c>
      <c r="B5" s="12">
        <v>1650180043</v>
      </c>
      <c r="C5" s="16" t="s">
        <v>531</v>
      </c>
      <c r="D5" s="16">
        <v>100</v>
      </c>
      <c r="E5" s="12">
        <v>9398032</v>
      </c>
      <c r="F5" s="16" t="s">
        <v>18</v>
      </c>
      <c r="G5" s="24" t="s">
        <v>142</v>
      </c>
      <c r="H5" s="12" t="s">
        <v>482</v>
      </c>
      <c r="I5" s="12" t="s">
        <v>533</v>
      </c>
      <c r="J5" s="39">
        <v>36617</v>
      </c>
    </row>
    <row r="6" spans="1:10" ht="26.25" customHeight="1" x14ac:dyDescent="0.15">
      <c r="A6" s="9">
        <v>5</v>
      </c>
      <c r="B6" s="12">
        <v>1651880005</v>
      </c>
      <c r="C6" s="16" t="s">
        <v>1839</v>
      </c>
      <c r="D6" s="16">
        <v>150</v>
      </c>
      <c r="E6" s="12">
        <v>9392376</v>
      </c>
      <c r="F6" s="16" t="s">
        <v>2013</v>
      </c>
      <c r="G6" s="24" t="s">
        <v>1941</v>
      </c>
      <c r="H6" s="12" t="s">
        <v>1034</v>
      </c>
      <c r="I6" s="12" t="s">
        <v>551</v>
      </c>
      <c r="J6" s="39">
        <v>36617</v>
      </c>
    </row>
    <row r="7" spans="1:10" ht="26.25" customHeight="1" x14ac:dyDescent="0.15">
      <c r="A7" s="9">
        <v>6</v>
      </c>
      <c r="B7" s="12">
        <v>1650180118</v>
      </c>
      <c r="C7" s="16" t="s">
        <v>57</v>
      </c>
      <c r="D7" s="16">
        <v>96</v>
      </c>
      <c r="E7" s="12">
        <v>9398271</v>
      </c>
      <c r="F7" s="16" t="s">
        <v>2014</v>
      </c>
      <c r="G7" s="24" t="s">
        <v>1896</v>
      </c>
      <c r="H7" s="12" t="s">
        <v>207</v>
      </c>
      <c r="I7" s="12" t="s">
        <v>121</v>
      </c>
      <c r="J7" s="39">
        <v>36980</v>
      </c>
    </row>
    <row r="8" spans="1:10" ht="26.25" customHeight="1" x14ac:dyDescent="0.15">
      <c r="A8" s="9">
        <v>7</v>
      </c>
      <c r="B8" s="12">
        <v>1650180100</v>
      </c>
      <c r="C8" s="16" t="s">
        <v>568</v>
      </c>
      <c r="D8" s="16">
        <v>96</v>
      </c>
      <c r="E8" s="12">
        <v>9398132</v>
      </c>
      <c r="F8" s="16" t="s">
        <v>1224</v>
      </c>
      <c r="G8" s="24" t="s">
        <v>1936</v>
      </c>
      <c r="H8" s="12" t="s">
        <v>526</v>
      </c>
      <c r="I8" s="12" t="s">
        <v>112</v>
      </c>
      <c r="J8" s="39">
        <v>36617</v>
      </c>
    </row>
    <row r="9" spans="1:10" ht="26.25" customHeight="1" x14ac:dyDescent="0.15">
      <c r="A9" s="9">
        <v>8</v>
      </c>
      <c r="B9" s="12">
        <v>1650180076</v>
      </c>
      <c r="C9" s="16" t="s">
        <v>527</v>
      </c>
      <c r="D9" s="16">
        <v>100</v>
      </c>
      <c r="E9" s="12">
        <v>9398178</v>
      </c>
      <c r="F9" s="16" t="s">
        <v>598</v>
      </c>
      <c r="G9" s="24" t="s">
        <v>1979</v>
      </c>
      <c r="H9" s="12" t="s">
        <v>468</v>
      </c>
      <c r="I9" s="12" t="s">
        <v>470</v>
      </c>
      <c r="J9" s="39">
        <v>36617</v>
      </c>
    </row>
    <row r="10" spans="1:10" ht="26.25" customHeight="1" x14ac:dyDescent="0.15">
      <c r="A10" s="9">
        <v>9</v>
      </c>
      <c r="B10" s="12">
        <v>1650180068</v>
      </c>
      <c r="C10" s="16" t="s">
        <v>371</v>
      </c>
      <c r="D10" s="16">
        <v>100</v>
      </c>
      <c r="E10" s="12">
        <v>9300974</v>
      </c>
      <c r="F10" s="16" t="s">
        <v>1307</v>
      </c>
      <c r="G10" s="24" t="s">
        <v>1960</v>
      </c>
      <c r="H10" s="12" t="s">
        <v>1074</v>
      </c>
      <c r="I10" s="12" t="s">
        <v>417</v>
      </c>
      <c r="J10" s="39">
        <v>36617</v>
      </c>
    </row>
    <row r="11" spans="1:10" ht="26.25" customHeight="1" x14ac:dyDescent="0.15">
      <c r="A11" s="9">
        <v>10</v>
      </c>
      <c r="B11" s="12">
        <v>1650180084</v>
      </c>
      <c r="C11" s="16" t="s">
        <v>233</v>
      </c>
      <c r="D11" s="16">
        <v>100</v>
      </c>
      <c r="E11" s="12">
        <v>9393535</v>
      </c>
      <c r="F11" s="16" t="s">
        <v>462</v>
      </c>
      <c r="G11" s="24" t="s">
        <v>894</v>
      </c>
      <c r="H11" s="12" t="s">
        <v>160</v>
      </c>
      <c r="I11" s="12" t="s">
        <v>271</v>
      </c>
      <c r="J11" s="39">
        <v>36617</v>
      </c>
    </row>
    <row r="12" spans="1:10" ht="26.25" customHeight="1" x14ac:dyDescent="0.15">
      <c r="A12" s="9">
        <v>11</v>
      </c>
      <c r="B12" s="12">
        <v>1650180159</v>
      </c>
      <c r="C12" s="16" t="s">
        <v>2015</v>
      </c>
      <c r="D12" s="16">
        <v>100</v>
      </c>
      <c r="E12" s="12">
        <v>9300901</v>
      </c>
      <c r="F12" s="16" t="s">
        <v>1534</v>
      </c>
      <c r="G12" s="24" t="s">
        <v>1536</v>
      </c>
      <c r="H12" s="12" t="s">
        <v>373</v>
      </c>
      <c r="I12" s="12" t="s">
        <v>374</v>
      </c>
      <c r="J12" s="39">
        <v>36617</v>
      </c>
    </row>
    <row r="13" spans="1:10" ht="26.25" customHeight="1" x14ac:dyDescent="0.15">
      <c r="A13" s="9">
        <v>12</v>
      </c>
      <c r="B13" s="12">
        <v>1650180027</v>
      </c>
      <c r="C13" s="16" t="s">
        <v>2017</v>
      </c>
      <c r="D13" s="16">
        <v>79</v>
      </c>
      <c r="E13" s="12">
        <v>9300085</v>
      </c>
      <c r="F13" s="16" t="s">
        <v>1225</v>
      </c>
      <c r="G13" s="24" t="s">
        <v>2018</v>
      </c>
      <c r="H13" s="12" t="s">
        <v>763</v>
      </c>
      <c r="I13" s="12" t="s">
        <v>334</v>
      </c>
      <c r="J13" s="39">
        <v>36617</v>
      </c>
    </row>
    <row r="14" spans="1:10" ht="26.25" customHeight="1" x14ac:dyDescent="0.15">
      <c r="A14" s="9">
        <v>13</v>
      </c>
      <c r="B14" s="12">
        <v>1651880013</v>
      </c>
      <c r="C14" s="16" t="s">
        <v>2019</v>
      </c>
      <c r="D14" s="16">
        <v>100</v>
      </c>
      <c r="E14" s="12">
        <v>9392723</v>
      </c>
      <c r="F14" s="16" t="s">
        <v>2020</v>
      </c>
      <c r="G14" s="24" t="s">
        <v>1918</v>
      </c>
      <c r="H14" s="12" t="s">
        <v>56</v>
      </c>
      <c r="I14" s="12" t="s">
        <v>126</v>
      </c>
      <c r="J14" s="39">
        <v>36617</v>
      </c>
    </row>
    <row r="15" spans="1:10" ht="26.25" customHeight="1" x14ac:dyDescent="0.15">
      <c r="A15" s="9">
        <v>14</v>
      </c>
      <c r="B15" s="12">
        <v>1650180126</v>
      </c>
      <c r="C15" s="16" t="s">
        <v>304</v>
      </c>
      <c r="D15" s="16">
        <v>100</v>
      </c>
      <c r="E15" s="12">
        <v>9398252</v>
      </c>
      <c r="F15" s="16" t="s">
        <v>1029</v>
      </c>
      <c r="G15" s="24" t="s">
        <v>1979</v>
      </c>
      <c r="H15" s="12" t="s">
        <v>561</v>
      </c>
      <c r="I15" s="12" t="s">
        <v>290</v>
      </c>
      <c r="J15" s="39">
        <v>36983</v>
      </c>
    </row>
    <row r="16" spans="1:10" ht="26.25" customHeight="1" x14ac:dyDescent="0.15">
      <c r="A16" s="9">
        <v>15</v>
      </c>
      <c r="B16" s="12">
        <v>1651880138</v>
      </c>
      <c r="C16" s="16" t="s">
        <v>2021</v>
      </c>
      <c r="D16" s="16">
        <v>100</v>
      </c>
      <c r="E16" s="12">
        <v>9392603</v>
      </c>
      <c r="F16" s="16" t="s">
        <v>7</v>
      </c>
      <c r="G16" s="24" t="s">
        <v>1918</v>
      </c>
      <c r="H16" s="12" t="s">
        <v>276</v>
      </c>
      <c r="I16" s="12" t="s">
        <v>119</v>
      </c>
      <c r="J16" s="39">
        <v>37438</v>
      </c>
    </row>
    <row r="17" spans="1:10" ht="26.25" customHeight="1" x14ac:dyDescent="0.15">
      <c r="A17" s="9">
        <v>16</v>
      </c>
      <c r="B17" s="12">
        <v>1650180001</v>
      </c>
      <c r="C17" s="16" t="s">
        <v>377</v>
      </c>
      <c r="D17" s="16">
        <v>100</v>
      </c>
      <c r="E17" s="12">
        <v>9398134</v>
      </c>
      <c r="F17" s="16" t="s">
        <v>212</v>
      </c>
      <c r="G17" s="24" t="s">
        <v>1936</v>
      </c>
      <c r="H17" s="12" t="s">
        <v>380</v>
      </c>
      <c r="I17" s="12" t="s">
        <v>415</v>
      </c>
      <c r="J17" s="39">
        <v>36617</v>
      </c>
    </row>
    <row r="18" spans="1:10" ht="26.25" customHeight="1" x14ac:dyDescent="0.15">
      <c r="A18" s="9">
        <v>17</v>
      </c>
      <c r="B18" s="12">
        <v>1650180183</v>
      </c>
      <c r="C18" s="16" t="s">
        <v>2112</v>
      </c>
      <c r="D18" s="16">
        <v>100</v>
      </c>
      <c r="E18" s="12">
        <v>9392224</v>
      </c>
      <c r="F18" s="16" t="s">
        <v>1711</v>
      </c>
      <c r="G18" s="24" t="s">
        <v>43</v>
      </c>
      <c r="H18" s="12" t="s">
        <v>48</v>
      </c>
      <c r="I18" s="12" t="s">
        <v>934</v>
      </c>
      <c r="J18" s="39">
        <v>45383</v>
      </c>
    </row>
    <row r="19" spans="1:10" ht="26.25" customHeight="1" x14ac:dyDescent="0.15">
      <c r="A19" s="10"/>
      <c r="B19" s="15"/>
      <c r="C19" s="19" t="s">
        <v>967</v>
      </c>
      <c r="D19" s="20">
        <f>SUM(D2:D18)</f>
        <v>1683</v>
      </c>
      <c r="E19" s="15"/>
      <c r="F19" s="15"/>
      <c r="G19" s="26"/>
      <c r="H19" s="15"/>
      <c r="I19" s="15"/>
      <c r="J19" s="40"/>
    </row>
  </sheetData>
  <phoneticPr fontId="5"/>
  <printOptions horizontalCentered="1" gridLines="1"/>
  <pageMargins left="0.15748031496062992" right="0.15748031496062992" top="0.98425196850393704" bottom="0.19685039370078741" header="0.51181102362204722" footer="0.19685039370078741"/>
  <pageSetup paperSize="9" scale="90" orientation="landscape" r:id="rId1"/>
  <headerFooter alignWithMargins="0">
    <oddHeader>&amp;C&amp;14介護老人保健施設一覧</oddHeader>
    <oddFooter xml:space="preserve">&amp;C&amp;P&amp;R(&amp;A)
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  <pageSetUpPr fitToPage="1"/>
  </sheetPr>
  <dimension ref="A1:K26"/>
  <sheetViews>
    <sheetView view="pageBreakPreview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2.625" style="1" customWidth="1"/>
    <col min="4" max="4" width="7.625" style="1" customWidth="1"/>
    <col min="5" max="5" width="10.625" style="1" customWidth="1"/>
    <col min="6" max="6" width="32.625" style="1" customWidth="1"/>
    <col min="7" max="7" width="10.625" style="5" customWidth="1"/>
    <col min="8" max="9" width="15.625" style="1" customWidth="1"/>
    <col min="10" max="10" width="9.625" style="37" customWidth="1"/>
    <col min="11" max="16384" width="9" style="1"/>
  </cols>
  <sheetData>
    <row r="1" spans="1:11" s="5" customFormat="1" ht="36.950000000000003" customHeight="1" x14ac:dyDescent="0.15">
      <c r="A1" s="8"/>
      <c r="B1" s="11" t="s">
        <v>285</v>
      </c>
      <c r="C1" s="11" t="s">
        <v>530</v>
      </c>
      <c r="D1" s="11" t="s">
        <v>838</v>
      </c>
      <c r="E1" s="38" t="s">
        <v>1866</v>
      </c>
      <c r="F1" s="11" t="s">
        <v>830</v>
      </c>
      <c r="G1" s="11" t="s">
        <v>1155</v>
      </c>
      <c r="H1" s="11" t="s">
        <v>832</v>
      </c>
      <c r="I1" s="11" t="s">
        <v>835</v>
      </c>
      <c r="J1" s="29" t="s">
        <v>182</v>
      </c>
    </row>
    <row r="2" spans="1:11" ht="26.25" customHeight="1" x14ac:dyDescent="0.15">
      <c r="A2" s="9">
        <v>1</v>
      </c>
      <c r="B2" s="12" t="s">
        <v>1554</v>
      </c>
      <c r="C2" s="16" t="s">
        <v>1716</v>
      </c>
      <c r="D2" s="16">
        <v>170</v>
      </c>
      <c r="E2" s="12">
        <v>9398032</v>
      </c>
      <c r="F2" s="16" t="s">
        <v>1346</v>
      </c>
      <c r="G2" s="24" t="s">
        <v>1162</v>
      </c>
      <c r="H2" s="12" t="s">
        <v>702</v>
      </c>
      <c r="I2" s="12" t="s">
        <v>986</v>
      </c>
      <c r="J2" s="39">
        <v>43191</v>
      </c>
      <c r="K2" s="52"/>
    </row>
    <row r="3" spans="1:11" ht="26.25" customHeight="1" x14ac:dyDescent="0.15">
      <c r="A3" s="41">
        <v>2</v>
      </c>
      <c r="B3" s="13" t="s">
        <v>879</v>
      </c>
      <c r="C3" s="17" t="s">
        <v>1687</v>
      </c>
      <c r="D3" s="17">
        <v>104</v>
      </c>
      <c r="E3" s="13">
        <v>9398075</v>
      </c>
      <c r="F3" s="17" t="s">
        <v>1640</v>
      </c>
      <c r="G3" s="25" t="s">
        <v>1170</v>
      </c>
      <c r="H3" s="13" t="s">
        <v>414</v>
      </c>
      <c r="I3" s="13" t="s">
        <v>466</v>
      </c>
      <c r="J3" s="50">
        <v>43313</v>
      </c>
      <c r="K3" s="52"/>
    </row>
    <row r="4" spans="1:11" ht="26.25" customHeight="1" x14ac:dyDescent="0.15">
      <c r="A4" s="9">
        <v>3</v>
      </c>
      <c r="B4" s="13" t="s">
        <v>1672</v>
      </c>
      <c r="C4" s="17" t="s">
        <v>372</v>
      </c>
      <c r="D4" s="17">
        <v>33</v>
      </c>
      <c r="E4" s="13">
        <v>9318431</v>
      </c>
      <c r="F4" s="17" t="s">
        <v>1207</v>
      </c>
      <c r="G4" s="25" t="s">
        <v>1101</v>
      </c>
      <c r="H4" s="13" t="s">
        <v>649</v>
      </c>
      <c r="I4" s="13" t="s">
        <v>455</v>
      </c>
      <c r="J4" s="50">
        <v>43344</v>
      </c>
      <c r="K4" s="52"/>
    </row>
    <row r="5" spans="1:11" ht="26.25" customHeight="1" x14ac:dyDescent="0.15">
      <c r="A5" s="41">
        <v>4</v>
      </c>
      <c r="B5" s="12" t="s">
        <v>1677</v>
      </c>
      <c r="C5" s="16" t="s">
        <v>1707</v>
      </c>
      <c r="D5" s="16">
        <v>120</v>
      </c>
      <c r="E5" s="12">
        <v>9392607</v>
      </c>
      <c r="F5" s="16" t="s">
        <v>159</v>
      </c>
      <c r="G5" s="24" t="s">
        <v>1161</v>
      </c>
      <c r="H5" s="12" t="s">
        <v>573</v>
      </c>
      <c r="I5" s="12" t="s">
        <v>575</v>
      </c>
      <c r="J5" s="39">
        <v>43405</v>
      </c>
    </row>
    <row r="6" spans="1:11" ht="26.25" customHeight="1" x14ac:dyDescent="0.15">
      <c r="A6" s="9">
        <v>5</v>
      </c>
      <c r="B6" s="12" t="s">
        <v>1700</v>
      </c>
      <c r="C6" s="16" t="s">
        <v>1717</v>
      </c>
      <c r="D6" s="16">
        <v>58</v>
      </c>
      <c r="E6" s="12">
        <v>9301326</v>
      </c>
      <c r="F6" s="16" t="s">
        <v>794</v>
      </c>
      <c r="G6" s="24" t="s">
        <v>723</v>
      </c>
      <c r="H6" s="12" t="s">
        <v>767</v>
      </c>
      <c r="I6" s="12" t="s">
        <v>770</v>
      </c>
      <c r="J6" s="39">
        <v>43556</v>
      </c>
    </row>
    <row r="7" spans="1:11" ht="26.25" customHeight="1" x14ac:dyDescent="0.15">
      <c r="A7" s="41">
        <v>6</v>
      </c>
      <c r="B7" s="12" t="s">
        <v>1348</v>
      </c>
      <c r="C7" s="42" t="s">
        <v>2024</v>
      </c>
      <c r="D7" s="42">
        <v>89</v>
      </c>
      <c r="E7" s="46">
        <v>9398271</v>
      </c>
      <c r="F7" s="42" t="s">
        <v>2025</v>
      </c>
      <c r="G7" s="48" t="s">
        <v>46</v>
      </c>
      <c r="H7" s="47" t="s">
        <v>298</v>
      </c>
      <c r="I7" s="46" t="s">
        <v>2026</v>
      </c>
      <c r="J7" s="39">
        <v>43617</v>
      </c>
    </row>
    <row r="8" spans="1:11" ht="26.25" customHeight="1" x14ac:dyDescent="0.15">
      <c r="A8" s="9">
        <v>7</v>
      </c>
      <c r="B8" s="12" t="s">
        <v>1433</v>
      </c>
      <c r="C8" s="43" t="s">
        <v>1548</v>
      </c>
      <c r="D8" s="43">
        <v>100</v>
      </c>
      <c r="E8" s="47">
        <v>9393515</v>
      </c>
      <c r="F8" s="43" t="s">
        <v>868</v>
      </c>
      <c r="G8" s="48" t="s">
        <v>508</v>
      </c>
      <c r="H8" s="47" t="s">
        <v>969</v>
      </c>
      <c r="I8" s="47" t="s">
        <v>972</v>
      </c>
      <c r="J8" s="39">
        <v>43922</v>
      </c>
      <c r="K8" s="53"/>
    </row>
    <row r="9" spans="1:11" ht="26.25" customHeight="1" x14ac:dyDescent="0.15">
      <c r="A9" s="41">
        <v>8</v>
      </c>
      <c r="B9" s="12" t="s">
        <v>1767</v>
      </c>
      <c r="C9" s="43" t="s">
        <v>765</v>
      </c>
      <c r="D9" s="43">
        <v>54</v>
      </c>
      <c r="E9" s="47">
        <v>9398272</v>
      </c>
      <c r="F9" s="43" t="s">
        <v>2023</v>
      </c>
      <c r="G9" s="48" t="s">
        <v>46</v>
      </c>
      <c r="H9" s="47" t="s">
        <v>607</v>
      </c>
      <c r="I9" s="47" t="s">
        <v>614</v>
      </c>
      <c r="J9" s="39">
        <v>44013</v>
      </c>
      <c r="K9" s="53"/>
    </row>
    <row r="10" spans="1:11" ht="26.25" customHeight="1" x14ac:dyDescent="0.15">
      <c r="A10" s="9">
        <v>9</v>
      </c>
      <c r="B10" s="12" t="s">
        <v>1774</v>
      </c>
      <c r="C10" s="16" t="s">
        <v>1776</v>
      </c>
      <c r="D10" s="16">
        <v>48</v>
      </c>
      <c r="E10" s="12">
        <v>9398137</v>
      </c>
      <c r="F10" s="16" t="s">
        <v>1699</v>
      </c>
      <c r="G10" s="24" t="s">
        <v>227</v>
      </c>
      <c r="H10" s="12" t="s">
        <v>982</v>
      </c>
      <c r="I10" s="12" t="s">
        <v>985</v>
      </c>
      <c r="J10" s="39">
        <v>44075</v>
      </c>
      <c r="K10" s="53"/>
    </row>
    <row r="11" spans="1:11" ht="26.25" customHeight="1" x14ac:dyDescent="0.15">
      <c r="A11" s="41">
        <v>10</v>
      </c>
      <c r="B11" s="13" t="s">
        <v>1823</v>
      </c>
      <c r="C11" s="16" t="s">
        <v>1104</v>
      </c>
      <c r="D11" s="16">
        <v>56</v>
      </c>
      <c r="E11" s="12">
        <v>9398134</v>
      </c>
      <c r="F11" s="16" t="s">
        <v>1698</v>
      </c>
      <c r="G11" s="24" t="s">
        <v>227</v>
      </c>
      <c r="H11" s="12" t="s">
        <v>343</v>
      </c>
      <c r="I11" s="12" t="s">
        <v>59</v>
      </c>
      <c r="J11" s="39">
        <v>44621</v>
      </c>
      <c r="K11" s="53"/>
    </row>
    <row r="12" spans="1:11" ht="26.25" customHeight="1" x14ac:dyDescent="0.15">
      <c r="A12" s="9">
        <v>11</v>
      </c>
      <c r="B12" s="13" t="s">
        <v>344</v>
      </c>
      <c r="C12" s="17" t="s">
        <v>1917</v>
      </c>
      <c r="D12" s="17">
        <v>44</v>
      </c>
      <c r="E12" s="13">
        <v>9392723</v>
      </c>
      <c r="F12" s="17" t="s">
        <v>1491</v>
      </c>
      <c r="G12" s="25" t="s">
        <v>1918</v>
      </c>
      <c r="H12" s="13" t="s">
        <v>592</v>
      </c>
      <c r="I12" s="13" t="s">
        <v>900</v>
      </c>
      <c r="J12" s="50">
        <v>45292</v>
      </c>
      <c r="K12" s="53"/>
    </row>
    <row r="13" spans="1:11" ht="26.25" customHeight="1" x14ac:dyDescent="0.15">
      <c r="A13" s="41">
        <v>12</v>
      </c>
      <c r="B13" s="13" t="s">
        <v>928</v>
      </c>
      <c r="C13" s="17" t="s">
        <v>1861</v>
      </c>
      <c r="D13" s="17">
        <v>48</v>
      </c>
      <c r="E13" s="13">
        <v>9392716</v>
      </c>
      <c r="F13" s="17" t="s">
        <v>2134</v>
      </c>
      <c r="G13" s="25" t="s">
        <v>1161</v>
      </c>
      <c r="H13" s="13" t="s">
        <v>2038</v>
      </c>
      <c r="I13" s="13" t="s">
        <v>1988</v>
      </c>
      <c r="J13" s="50">
        <v>45474</v>
      </c>
      <c r="K13" s="53"/>
    </row>
    <row r="14" spans="1:11" ht="26.25" customHeight="1" x14ac:dyDescent="0.15">
      <c r="A14" s="10"/>
      <c r="B14" s="15"/>
      <c r="C14" s="19" t="s">
        <v>967</v>
      </c>
      <c r="D14" s="20">
        <f>SUM(D2:D13)</f>
        <v>924</v>
      </c>
      <c r="E14" s="15"/>
      <c r="F14" s="15"/>
      <c r="G14" s="26"/>
      <c r="H14" s="15"/>
      <c r="I14" s="15"/>
      <c r="J14" s="40"/>
    </row>
    <row r="15" spans="1:11" ht="26.25" customHeight="1" x14ac:dyDescent="0.15">
      <c r="C15" s="44"/>
      <c r="D15" s="45"/>
    </row>
    <row r="16" spans="1:11" ht="26.25" customHeight="1" x14ac:dyDescent="0.15">
      <c r="C16" s="44"/>
      <c r="D16" s="45"/>
    </row>
    <row r="17" spans="7:10" ht="26.25" customHeight="1" x14ac:dyDescent="0.15"/>
    <row r="18" spans="7:10" ht="26.25" customHeight="1" x14ac:dyDescent="0.15"/>
    <row r="19" spans="7:10" ht="26.25" customHeight="1" x14ac:dyDescent="0.15"/>
    <row r="20" spans="7:10" ht="26.25" customHeight="1" x14ac:dyDescent="0.15"/>
    <row r="21" spans="7:10" ht="26.25" customHeight="1" x14ac:dyDescent="0.15"/>
    <row r="22" spans="7:10" ht="26.25" customHeight="1" x14ac:dyDescent="0.15"/>
    <row r="23" spans="7:10" ht="26.25" customHeight="1" x14ac:dyDescent="0.15"/>
    <row r="24" spans="7:10" ht="26.25" customHeight="1" x14ac:dyDescent="0.15"/>
    <row r="25" spans="7:10" customFormat="1" ht="26.25" customHeight="1" x14ac:dyDescent="0.15">
      <c r="G25" s="49"/>
      <c r="J25" s="51"/>
    </row>
    <row r="26" spans="7:10" customFormat="1" ht="26.25" customHeight="1" x14ac:dyDescent="0.15">
      <c r="G26" s="49"/>
      <c r="J26" s="51"/>
    </row>
  </sheetData>
  <phoneticPr fontId="5"/>
  <printOptions horizontalCentered="1" gridLines="1"/>
  <pageMargins left="0.59055118110236227" right="0.19685039370078741" top="0.98425196850393704" bottom="0.39370078740157483" header="0.51181102362204722" footer="0.19685039370078741"/>
  <pageSetup paperSize="9" scale="86" orientation="landscape" r:id="rId1"/>
  <headerFooter alignWithMargins="0">
    <oddHeader>&amp;C&amp;14介護医療院一覧</oddHeader>
    <oddFooter>&amp;C&amp;P&amp;R（医療院）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8">
    <tabColor theme="9"/>
    <pageSetUpPr fitToPage="1"/>
  </sheetPr>
  <dimension ref="A1:N134"/>
  <sheetViews>
    <sheetView view="pageBreakPreview" zoomScaleNormal="90" zoomScaleSheetLayoutView="100" workbookViewId="0">
      <pane ySplit="2" topLeftCell="A3" activePane="bottomLeft" state="frozen"/>
      <selection pane="bottomLeft" sqref="A1:A2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9.625" style="54" customWidth="1"/>
    <col min="4" max="4" width="10.625" style="1" customWidth="1"/>
    <col min="5" max="5" width="51.625" style="54" customWidth="1"/>
    <col min="6" max="6" width="10.625" style="5" customWidth="1"/>
    <col min="7" max="10" width="9.625" style="5" customWidth="1"/>
    <col min="11" max="12" width="15.625" style="6" customWidth="1"/>
    <col min="13" max="13" width="9.625" style="37" customWidth="1"/>
    <col min="14" max="16384" width="9" style="1"/>
  </cols>
  <sheetData>
    <row r="1" spans="1:13" s="5" customFormat="1" ht="18.75" customHeight="1" x14ac:dyDescent="0.15">
      <c r="A1" s="212"/>
      <c r="B1" s="214" t="s">
        <v>285</v>
      </c>
      <c r="C1" s="216" t="s">
        <v>530</v>
      </c>
      <c r="D1" s="216" t="s">
        <v>1866</v>
      </c>
      <c r="E1" s="216" t="s">
        <v>830</v>
      </c>
      <c r="F1" s="216" t="s">
        <v>1155</v>
      </c>
      <c r="G1" s="209" t="s">
        <v>406</v>
      </c>
      <c r="H1" s="210"/>
      <c r="I1" s="211"/>
      <c r="J1" s="216" t="s">
        <v>772</v>
      </c>
      <c r="K1" s="216" t="s">
        <v>832</v>
      </c>
      <c r="L1" s="216" t="s">
        <v>835</v>
      </c>
      <c r="M1" s="218" t="s">
        <v>182</v>
      </c>
    </row>
    <row r="2" spans="1:13" s="5" customFormat="1" ht="18.2" customHeight="1" x14ac:dyDescent="0.15">
      <c r="A2" s="213"/>
      <c r="B2" s="215"/>
      <c r="C2" s="217"/>
      <c r="D2" s="217"/>
      <c r="E2" s="217"/>
      <c r="F2" s="217"/>
      <c r="G2" s="93" t="s">
        <v>1383</v>
      </c>
      <c r="H2" s="24" t="s">
        <v>995</v>
      </c>
      <c r="I2" s="95" t="s">
        <v>474</v>
      </c>
      <c r="J2" s="217"/>
      <c r="K2" s="217"/>
      <c r="L2" s="217"/>
      <c r="M2" s="219"/>
    </row>
    <row r="3" spans="1:13" ht="26.25" customHeight="1" x14ac:dyDescent="0.15">
      <c r="A3" s="55">
        <v>1</v>
      </c>
      <c r="B3" s="57">
        <v>1671500054</v>
      </c>
      <c r="C3" s="67" t="s">
        <v>1058</v>
      </c>
      <c r="D3" s="79">
        <v>9318336</v>
      </c>
      <c r="E3" s="67" t="s">
        <v>576</v>
      </c>
      <c r="F3" s="24" t="s">
        <v>658</v>
      </c>
      <c r="G3" s="12" t="s">
        <v>118</v>
      </c>
      <c r="H3" s="12" t="s">
        <v>118</v>
      </c>
      <c r="I3" s="12"/>
      <c r="J3" s="12" t="s">
        <v>118</v>
      </c>
      <c r="K3" s="12" t="s">
        <v>715</v>
      </c>
      <c r="L3" s="12" t="s">
        <v>596</v>
      </c>
      <c r="M3" s="39">
        <v>36410</v>
      </c>
    </row>
    <row r="4" spans="1:13" ht="26.25" customHeight="1" x14ac:dyDescent="0.15">
      <c r="A4" s="9">
        <v>2</v>
      </c>
      <c r="B4" s="57">
        <v>1670100138</v>
      </c>
      <c r="C4" s="67" t="s">
        <v>4</v>
      </c>
      <c r="D4" s="63">
        <v>9300846</v>
      </c>
      <c r="E4" s="67" t="s">
        <v>1247</v>
      </c>
      <c r="F4" s="24" t="s">
        <v>1075</v>
      </c>
      <c r="G4" s="12" t="s">
        <v>118</v>
      </c>
      <c r="H4" s="12" t="s">
        <v>118</v>
      </c>
      <c r="I4" s="12"/>
      <c r="J4" s="12" t="s">
        <v>118</v>
      </c>
      <c r="K4" s="12" t="s">
        <v>766</v>
      </c>
      <c r="L4" s="12" t="s">
        <v>155</v>
      </c>
      <c r="M4" s="39">
        <v>36410</v>
      </c>
    </row>
    <row r="5" spans="1:13" ht="26.25" customHeight="1" x14ac:dyDescent="0.15">
      <c r="A5" s="55">
        <v>3</v>
      </c>
      <c r="B5" s="57">
        <v>1670101722</v>
      </c>
      <c r="C5" s="67" t="s">
        <v>826</v>
      </c>
      <c r="D5" s="63">
        <v>9300142</v>
      </c>
      <c r="E5" s="67" t="s">
        <v>1206</v>
      </c>
      <c r="F5" s="24" t="s">
        <v>55</v>
      </c>
      <c r="G5" s="12" t="s">
        <v>118</v>
      </c>
      <c r="H5" s="12" t="s">
        <v>118</v>
      </c>
      <c r="I5" s="12"/>
      <c r="J5" s="12" t="s">
        <v>118</v>
      </c>
      <c r="K5" s="12" t="s">
        <v>566</v>
      </c>
      <c r="L5" s="12" t="s">
        <v>260</v>
      </c>
      <c r="M5" s="39">
        <v>36410</v>
      </c>
    </row>
    <row r="6" spans="1:13" ht="26.25" customHeight="1" x14ac:dyDescent="0.15">
      <c r="A6" s="9">
        <v>4</v>
      </c>
      <c r="B6" s="57">
        <v>1670100302</v>
      </c>
      <c r="C6" s="67" t="s">
        <v>291</v>
      </c>
      <c r="D6" s="63">
        <v>9393535</v>
      </c>
      <c r="E6" s="67" t="s">
        <v>1288</v>
      </c>
      <c r="F6" s="24" t="s">
        <v>760</v>
      </c>
      <c r="G6" s="12" t="s">
        <v>118</v>
      </c>
      <c r="H6" s="12" t="s">
        <v>118</v>
      </c>
      <c r="I6" s="12"/>
      <c r="J6" s="12" t="s">
        <v>118</v>
      </c>
      <c r="K6" s="12" t="s">
        <v>1641</v>
      </c>
      <c r="L6" s="12" t="s">
        <v>562</v>
      </c>
      <c r="M6" s="39">
        <v>36433</v>
      </c>
    </row>
    <row r="7" spans="1:13" ht="26.25" customHeight="1" x14ac:dyDescent="0.15">
      <c r="A7" s="55">
        <v>5</v>
      </c>
      <c r="B7" s="57">
        <v>1670100914</v>
      </c>
      <c r="C7" s="67" t="s">
        <v>1024</v>
      </c>
      <c r="D7" s="63">
        <v>9300974</v>
      </c>
      <c r="E7" s="67" t="s">
        <v>1307</v>
      </c>
      <c r="F7" s="24" t="s">
        <v>1151</v>
      </c>
      <c r="G7" s="12" t="s">
        <v>118</v>
      </c>
      <c r="H7" s="12" t="s">
        <v>118</v>
      </c>
      <c r="I7" s="12"/>
      <c r="J7" s="12" t="s">
        <v>118</v>
      </c>
      <c r="K7" s="12" t="s">
        <v>30</v>
      </c>
      <c r="L7" s="12" t="s">
        <v>739</v>
      </c>
      <c r="M7" s="39">
        <v>36433</v>
      </c>
    </row>
    <row r="8" spans="1:13" ht="26.25" customHeight="1" x14ac:dyDescent="0.15">
      <c r="A8" s="9">
        <v>6</v>
      </c>
      <c r="B8" s="57">
        <v>1670100328</v>
      </c>
      <c r="C8" s="67" t="s">
        <v>1003</v>
      </c>
      <c r="D8" s="63">
        <v>9300066</v>
      </c>
      <c r="E8" s="67" t="s">
        <v>987</v>
      </c>
      <c r="F8" s="24" t="s">
        <v>796</v>
      </c>
      <c r="G8" s="12" t="s">
        <v>118</v>
      </c>
      <c r="H8" s="12" t="s">
        <v>118</v>
      </c>
      <c r="I8" s="12"/>
      <c r="J8" s="12" t="s">
        <v>118</v>
      </c>
      <c r="K8" s="12" t="s">
        <v>959</v>
      </c>
      <c r="L8" s="12" t="s">
        <v>959</v>
      </c>
      <c r="M8" s="39">
        <v>36433</v>
      </c>
    </row>
    <row r="9" spans="1:13" ht="26.25" customHeight="1" x14ac:dyDescent="0.15">
      <c r="A9" s="55">
        <v>7</v>
      </c>
      <c r="B9" s="57">
        <v>1671500088</v>
      </c>
      <c r="C9" s="67" t="s">
        <v>104</v>
      </c>
      <c r="D9" s="63">
        <v>9301326</v>
      </c>
      <c r="E9" s="67" t="s">
        <v>719</v>
      </c>
      <c r="F9" s="24" t="s">
        <v>723</v>
      </c>
      <c r="G9" s="12" t="s">
        <v>118</v>
      </c>
      <c r="H9" s="12" t="s">
        <v>118</v>
      </c>
      <c r="I9" s="12"/>
      <c r="J9" s="12" t="s">
        <v>118</v>
      </c>
      <c r="K9" s="12" t="s">
        <v>762</v>
      </c>
      <c r="L9" s="24" t="s">
        <v>672</v>
      </c>
      <c r="M9" s="39">
        <v>36433</v>
      </c>
    </row>
    <row r="10" spans="1:13" ht="26.25" customHeight="1" x14ac:dyDescent="0.15">
      <c r="A10" s="9">
        <v>8</v>
      </c>
      <c r="B10" s="57">
        <v>1670100377</v>
      </c>
      <c r="C10" s="67" t="s">
        <v>628</v>
      </c>
      <c r="D10" s="63">
        <v>9398134</v>
      </c>
      <c r="E10" s="67" t="s">
        <v>954</v>
      </c>
      <c r="F10" s="24" t="s">
        <v>227</v>
      </c>
      <c r="G10" s="12" t="s">
        <v>118</v>
      </c>
      <c r="H10" s="12" t="s">
        <v>118</v>
      </c>
      <c r="I10" s="12"/>
      <c r="J10" s="12" t="s">
        <v>118</v>
      </c>
      <c r="K10" s="12" t="s">
        <v>1553</v>
      </c>
      <c r="L10" s="12" t="s">
        <v>322</v>
      </c>
      <c r="M10" s="39">
        <v>36440</v>
      </c>
    </row>
    <row r="11" spans="1:13" ht="26.25" customHeight="1" x14ac:dyDescent="0.15">
      <c r="A11" s="55">
        <v>9</v>
      </c>
      <c r="B11" s="57">
        <v>1660190016</v>
      </c>
      <c r="C11" s="67" t="s">
        <v>1078</v>
      </c>
      <c r="D11" s="63">
        <v>9318314</v>
      </c>
      <c r="E11" s="67" t="s">
        <v>1197</v>
      </c>
      <c r="F11" s="24" t="s">
        <v>1156</v>
      </c>
      <c r="G11" s="12" t="s">
        <v>118</v>
      </c>
      <c r="H11" s="12" t="s">
        <v>118</v>
      </c>
      <c r="I11" s="12" t="s">
        <v>118</v>
      </c>
      <c r="J11" s="12" t="s">
        <v>118</v>
      </c>
      <c r="K11" s="12" t="s">
        <v>1783</v>
      </c>
      <c r="L11" s="12" t="s">
        <v>998</v>
      </c>
      <c r="M11" s="39">
        <v>36455</v>
      </c>
    </row>
    <row r="12" spans="1:13" ht="26.25" customHeight="1" x14ac:dyDescent="0.15">
      <c r="A12" s="9">
        <v>10</v>
      </c>
      <c r="B12" s="57">
        <v>1670100450</v>
      </c>
      <c r="C12" s="67" t="s">
        <v>9</v>
      </c>
      <c r="D12" s="63">
        <v>9398046</v>
      </c>
      <c r="E12" s="67" t="s">
        <v>1248</v>
      </c>
      <c r="F12" s="24" t="s">
        <v>1172</v>
      </c>
      <c r="G12" s="12" t="s">
        <v>118</v>
      </c>
      <c r="H12" s="12" t="s">
        <v>118</v>
      </c>
      <c r="I12" s="12"/>
      <c r="J12" s="12" t="s">
        <v>118</v>
      </c>
      <c r="K12" s="12" t="s">
        <v>318</v>
      </c>
      <c r="L12" s="12" t="s">
        <v>96</v>
      </c>
      <c r="M12" s="39">
        <v>36495</v>
      </c>
    </row>
    <row r="13" spans="1:13" ht="26.25" customHeight="1" x14ac:dyDescent="0.15">
      <c r="A13" s="55">
        <v>11</v>
      </c>
      <c r="B13" s="57">
        <v>1670100393</v>
      </c>
      <c r="C13" s="67" t="s">
        <v>311</v>
      </c>
      <c r="D13" s="63">
        <v>9398025</v>
      </c>
      <c r="E13" s="67" t="s">
        <v>1020</v>
      </c>
      <c r="F13" s="24" t="s">
        <v>791</v>
      </c>
      <c r="G13" s="12" t="s">
        <v>118</v>
      </c>
      <c r="H13" s="12" t="s">
        <v>118</v>
      </c>
      <c r="I13" s="12"/>
      <c r="J13" s="12" t="s">
        <v>118</v>
      </c>
      <c r="K13" s="12" t="s">
        <v>1642</v>
      </c>
      <c r="L13" s="12" t="s">
        <v>974</v>
      </c>
      <c r="M13" s="39">
        <v>36495</v>
      </c>
    </row>
    <row r="14" spans="1:13" ht="26.25" customHeight="1" x14ac:dyDescent="0.15">
      <c r="A14" s="9">
        <v>12</v>
      </c>
      <c r="B14" s="57">
        <v>1670100195</v>
      </c>
      <c r="C14" s="67" t="s">
        <v>1015</v>
      </c>
      <c r="D14" s="63">
        <v>9300010</v>
      </c>
      <c r="E14" s="67" t="s">
        <v>320</v>
      </c>
      <c r="F14" s="24" t="s">
        <v>1174</v>
      </c>
      <c r="G14" s="12" t="s">
        <v>118</v>
      </c>
      <c r="H14" s="12" t="s">
        <v>118</v>
      </c>
      <c r="I14" s="12"/>
      <c r="J14" s="12" t="s">
        <v>118</v>
      </c>
      <c r="K14" s="12" t="s">
        <v>1784</v>
      </c>
      <c r="L14" s="12" t="s">
        <v>1123</v>
      </c>
      <c r="M14" s="39">
        <v>44105</v>
      </c>
    </row>
    <row r="15" spans="1:13" ht="26.25" customHeight="1" x14ac:dyDescent="0.15">
      <c r="A15" s="55">
        <v>13</v>
      </c>
      <c r="B15" s="57">
        <v>1670100518</v>
      </c>
      <c r="C15" s="67" t="s">
        <v>61</v>
      </c>
      <c r="D15" s="63">
        <v>9318412</v>
      </c>
      <c r="E15" s="67" t="s">
        <v>1233</v>
      </c>
      <c r="F15" s="24" t="s">
        <v>186</v>
      </c>
      <c r="G15" s="12" t="s">
        <v>118</v>
      </c>
      <c r="H15" s="12" t="s">
        <v>118</v>
      </c>
      <c r="I15" s="12"/>
      <c r="J15" s="12" t="s">
        <v>118</v>
      </c>
      <c r="K15" s="12" t="s">
        <v>975</v>
      </c>
      <c r="L15" s="12" t="s">
        <v>688</v>
      </c>
      <c r="M15" s="39">
        <v>36536</v>
      </c>
    </row>
    <row r="16" spans="1:13" ht="26.25" customHeight="1" x14ac:dyDescent="0.15">
      <c r="A16" s="9">
        <v>14</v>
      </c>
      <c r="B16" s="57">
        <v>1670100203</v>
      </c>
      <c r="C16" s="67" t="s">
        <v>609</v>
      </c>
      <c r="D16" s="63">
        <v>9300142</v>
      </c>
      <c r="E16" s="67" t="s">
        <v>503</v>
      </c>
      <c r="F16" s="24" t="s">
        <v>55</v>
      </c>
      <c r="G16" s="12" t="s">
        <v>118</v>
      </c>
      <c r="H16" s="12" t="s">
        <v>118</v>
      </c>
      <c r="I16" s="12"/>
      <c r="J16" s="12" t="s">
        <v>118</v>
      </c>
      <c r="K16" s="12" t="s">
        <v>1017</v>
      </c>
      <c r="L16" s="12" t="s">
        <v>616</v>
      </c>
      <c r="M16" s="39">
        <v>36536</v>
      </c>
    </row>
    <row r="17" spans="1:13" ht="26.25" customHeight="1" x14ac:dyDescent="0.15">
      <c r="A17" s="55">
        <v>15</v>
      </c>
      <c r="B17" s="57">
        <v>1670100526</v>
      </c>
      <c r="C17" s="67" t="s">
        <v>837</v>
      </c>
      <c r="D17" s="63">
        <v>9398281</v>
      </c>
      <c r="E17" s="67" t="s">
        <v>1732</v>
      </c>
      <c r="F17" s="24" t="s">
        <v>46</v>
      </c>
      <c r="G17" s="12" t="s">
        <v>118</v>
      </c>
      <c r="H17" s="12" t="s">
        <v>118</v>
      </c>
      <c r="I17" s="12"/>
      <c r="J17" s="12" t="s">
        <v>118</v>
      </c>
      <c r="K17" s="12" t="s">
        <v>690</v>
      </c>
      <c r="L17" s="12" t="s">
        <v>74</v>
      </c>
      <c r="M17" s="39">
        <v>36536</v>
      </c>
    </row>
    <row r="18" spans="1:13" ht="26.25" customHeight="1" x14ac:dyDescent="0.15">
      <c r="A18" s="9">
        <v>16</v>
      </c>
      <c r="B18" s="57">
        <v>1670100708</v>
      </c>
      <c r="C18" s="67" t="s">
        <v>1079</v>
      </c>
      <c r="D18" s="63">
        <v>9318435</v>
      </c>
      <c r="E18" s="67" t="s">
        <v>53</v>
      </c>
      <c r="F18" s="24" t="s">
        <v>1101</v>
      </c>
      <c r="G18" s="12" t="s">
        <v>118</v>
      </c>
      <c r="H18" s="12" t="s">
        <v>118</v>
      </c>
      <c r="I18" s="12"/>
      <c r="J18" s="12" t="s">
        <v>118</v>
      </c>
      <c r="K18" s="12" t="s">
        <v>768</v>
      </c>
      <c r="L18" s="12" t="s">
        <v>478</v>
      </c>
      <c r="M18" s="39">
        <v>36570</v>
      </c>
    </row>
    <row r="19" spans="1:13" ht="26.25" customHeight="1" x14ac:dyDescent="0.15">
      <c r="A19" s="55">
        <v>17</v>
      </c>
      <c r="B19" s="57">
        <v>1670100625</v>
      </c>
      <c r="C19" s="67" t="s">
        <v>424</v>
      </c>
      <c r="D19" s="63">
        <v>9398045</v>
      </c>
      <c r="E19" s="67" t="s">
        <v>1459</v>
      </c>
      <c r="F19" s="24" t="s">
        <v>1172</v>
      </c>
      <c r="G19" s="12" t="s">
        <v>118</v>
      </c>
      <c r="H19" s="12" t="s">
        <v>118</v>
      </c>
      <c r="I19" s="12"/>
      <c r="J19" s="12" t="s">
        <v>118</v>
      </c>
      <c r="K19" s="12" t="s">
        <v>1371</v>
      </c>
      <c r="L19" s="12" t="s">
        <v>812</v>
      </c>
      <c r="M19" s="39">
        <v>36570</v>
      </c>
    </row>
    <row r="20" spans="1:13" ht="26.25" customHeight="1" x14ac:dyDescent="0.15">
      <c r="A20" s="9">
        <v>18</v>
      </c>
      <c r="B20" s="57">
        <v>1670100849</v>
      </c>
      <c r="C20" s="67" t="s">
        <v>1542</v>
      </c>
      <c r="D20" s="63">
        <v>9300875</v>
      </c>
      <c r="E20" s="67" t="s">
        <v>1555</v>
      </c>
      <c r="F20" s="24" t="s">
        <v>599</v>
      </c>
      <c r="G20" s="12" t="s">
        <v>118</v>
      </c>
      <c r="H20" s="12" t="s">
        <v>118</v>
      </c>
      <c r="I20" s="12" t="s">
        <v>118</v>
      </c>
      <c r="J20" s="12" t="s">
        <v>118</v>
      </c>
      <c r="K20" s="12" t="s">
        <v>669</v>
      </c>
      <c r="L20" s="12" t="s">
        <v>932</v>
      </c>
      <c r="M20" s="39">
        <v>36593</v>
      </c>
    </row>
    <row r="21" spans="1:13" ht="26.25" customHeight="1" x14ac:dyDescent="0.15">
      <c r="A21" s="55">
        <v>19</v>
      </c>
      <c r="B21" s="57">
        <v>1670100906</v>
      </c>
      <c r="C21" s="67" t="s">
        <v>591</v>
      </c>
      <c r="D21" s="63">
        <v>9300085</v>
      </c>
      <c r="E21" s="67" t="s">
        <v>1558</v>
      </c>
      <c r="F21" s="24" t="s">
        <v>549</v>
      </c>
      <c r="G21" s="12" t="s">
        <v>118</v>
      </c>
      <c r="H21" s="12" t="s">
        <v>118</v>
      </c>
      <c r="I21" s="12"/>
      <c r="J21" s="12" t="s">
        <v>118</v>
      </c>
      <c r="K21" s="12" t="s">
        <v>1643</v>
      </c>
      <c r="L21" s="12" t="s">
        <v>584</v>
      </c>
      <c r="M21" s="39">
        <v>36593</v>
      </c>
    </row>
    <row r="22" spans="1:13" ht="26.25" customHeight="1" x14ac:dyDescent="0.15">
      <c r="A22" s="9">
        <v>20</v>
      </c>
      <c r="B22" s="57">
        <v>1670100997</v>
      </c>
      <c r="C22" s="16" t="s">
        <v>945</v>
      </c>
      <c r="D22" s="63">
        <v>9398211</v>
      </c>
      <c r="E22" s="67" t="s">
        <v>1701</v>
      </c>
      <c r="F22" s="24" t="s">
        <v>1388</v>
      </c>
      <c r="G22" s="12" t="s">
        <v>118</v>
      </c>
      <c r="H22" s="12" t="s">
        <v>118</v>
      </c>
      <c r="I22" s="12"/>
      <c r="J22" s="12" t="s">
        <v>118</v>
      </c>
      <c r="K22" s="12" t="s">
        <v>359</v>
      </c>
      <c r="L22" s="12" t="s">
        <v>1580</v>
      </c>
      <c r="M22" s="39">
        <v>38808</v>
      </c>
    </row>
    <row r="23" spans="1:13" ht="26.25" customHeight="1" x14ac:dyDescent="0.15">
      <c r="A23" s="55">
        <v>21</v>
      </c>
      <c r="B23" s="57">
        <v>1671800215</v>
      </c>
      <c r="C23" s="67" t="s">
        <v>685</v>
      </c>
      <c r="D23" s="63">
        <v>9392304</v>
      </c>
      <c r="E23" s="67" t="s">
        <v>45</v>
      </c>
      <c r="F23" s="24" t="s">
        <v>266</v>
      </c>
      <c r="G23" s="12" t="s">
        <v>118</v>
      </c>
      <c r="H23" s="12" t="s">
        <v>118</v>
      </c>
      <c r="I23" s="12"/>
      <c r="J23" s="12" t="s">
        <v>118</v>
      </c>
      <c r="K23" s="12" t="s">
        <v>250</v>
      </c>
      <c r="L23" s="24" t="s">
        <v>309</v>
      </c>
      <c r="M23" s="39">
        <v>36951</v>
      </c>
    </row>
    <row r="24" spans="1:13" ht="26.25" customHeight="1" x14ac:dyDescent="0.15">
      <c r="A24" s="9">
        <v>22</v>
      </c>
      <c r="B24" s="57">
        <v>1671800223</v>
      </c>
      <c r="C24" s="67" t="s">
        <v>488</v>
      </c>
      <c r="D24" s="63">
        <v>9392717</v>
      </c>
      <c r="E24" s="67" t="s">
        <v>536</v>
      </c>
      <c r="F24" s="24" t="s">
        <v>1161</v>
      </c>
      <c r="G24" s="12" t="s">
        <v>118</v>
      </c>
      <c r="H24" s="12" t="s">
        <v>118</v>
      </c>
      <c r="I24" s="12"/>
      <c r="J24" s="12" t="s">
        <v>118</v>
      </c>
      <c r="K24" s="12" t="s">
        <v>453</v>
      </c>
      <c r="L24" s="24" t="s">
        <v>66</v>
      </c>
      <c r="M24" s="39">
        <v>37012</v>
      </c>
    </row>
    <row r="25" spans="1:13" ht="26.25" customHeight="1" x14ac:dyDescent="0.15">
      <c r="A25" s="55">
        <v>23</v>
      </c>
      <c r="B25" s="57">
        <v>1671800330</v>
      </c>
      <c r="C25" s="67" t="s">
        <v>546</v>
      </c>
      <c r="D25" s="63">
        <v>9392603</v>
      </c>
      <c r="E25" s="16" t="s">
        <v>1455</v>
      </c>
      <c r="F25" s="24" t="s">
        <v>1161</v>
      </c>
      <c r="G25" s="12" t="s">
        <v>118</v>
      </c>
      <c r="H25" s="12" t="s">
        <v>118</v>
      </c>
      <c r="I25" s="12"/>
      <c r="J25" s="12" t="s">
        <v>118</v>
      </c>
      <c r="K25" s="12" t="s">
        <v>1785</v>
      </c>
      <c r="L25" s="12" t="s">
        <v>903</v>
      </c>
      <c r="M25" s="39">
        <v>37438</v>
      </c>
    </row>
    <row r="26" spans="1:13" ht="26.25" customHeight="1" x14ac:dyDescent="0.15">
      <c r="A26" s="9">
        <v>24</v>
      </c>
      <c r="B26" s="57">
        <v>1670102316</v>
      </c>
      <c r="C26" s="67" t="s">
        <v>249</v>
      </c>
      <c r="D26" s="63">
        <v>9393515</v>
      </c>
      <c r="E26" s="67" t="s">
        <v>253</v>
      </c>
      <c r="F26" s="24" t="s">
        <v>822</v>
      </c>
      <c r="G26" s="12" t="s">
        <v>118</v>
      </c>
      <c r="H26" s="12" t="s">
        <v>118</v>
      </c>
      <c r="I26" s="12"/>
      <c r="J26" s="12" t="s">
        <v>118</v>
      </c>
      <c r="K26" s="12" t="s">
        <v>1396</v>
      </c>
      <c r="L26" s="24" t="s">
        <v>1313</v>
      </c>
      <c r="M26" s="39">
        <v>37802</v>
      </c>
    </row>
    <row r="27" spans="1:13" ht="26.25" customHeight="1" x14ac:dyDescent="0.15">
      <c r="A27" s="55">
        <v>25</v>
      </c>
      <c r="B27" s="57">
        <v>1670102324</v>
      </c>
      <c r="C27" s="67" t="s">
        <v>286</v>
      </c>
      <c r="D27" s="63">
        <v>9300971</v>
      </c>
      <c r="E27" s="67" t="s">
        <v>110</v>
      </c>
      <c r="F27" s="24" t="s">
        <v>1180</v>
      </c>
      <c r="G27" s="12" t="s">
        <v>118</v>
      </c>
      <c r="H27" s="12" t="s">
        <v>118</v>
      </c>
      <c r="I27" s="12" t="s">
        <v>118</v>
      </c>
      <c r="J27" s="12" t="s">
        <v>452</v>
      </c>
      <c r="K27" s="12" t="s">
        <v>1809</v>
      </c>
      <c r="L27" s="24" t="s">
        <v>1442</v>
      </c>
      <c r="M27" s="39">
        <v>37802</v>
      </c>
    </row>
    <row r="28" spans="1:13" ht="26.25" customHeight="1" x14ac:dyDescent="0.15">
      <c r="A28" s="9">
        <v>26</v>
      </c>
      <c r="B28" s="57">
        <v>1671800413</v>
      </c>
      <c r="C28" s="67" t="s">
        <v>301</v>
      </c>
      <c r="D28" s="63">
        <v>9392362</v>
      </c>
      <c r="E28" s="67" t="s">
        <v>939</v>
      </c>
      <c r="F28" s="24" t="s">
        <v>266</v>
      </c>
      <c r="G28" s="12" t="s">
        <v>118</v>
      </c>
      <c r="H28" s="12" t="s">
        <v>118</v>
      </c>
      <c r="I28" s="12"/>
      <c r="J28" s="12" t="s">
        <v>118</v>
      </c>
      <c r="K28" s="12" t="s">
        <v>927</v>
      </c>
      <c r="L28" s="24" t="s">
        <v>681</v>
      </c>
      <c r="M28" s="39">
        <v>37832</v>
      </c>
    </row>
    <row r="29" spans="1:13" ht="26.25" customHeight="1" x14ac:dyDescent="0.15">
      <c r="A29" s="55">
        <v>27</v>
      </c>
      <c r="B29" s="57">
        <v>1670102670</v>
      </c>
      <c r="C29" s="67" t="s">
        <v>1364</v>
      </c>
      <c r="D29" s="63">
        <v>9398005</v>
      </c>
      <c r="E29" s="67" t="s">
        <v>933</v>
      </c>
      <c r="F29" s="24" t="s">
        <v>983</v>
      </c>
      <c r="G29" s="12" t="s">
        <v>118</v>
      </c>
      <c r="H29" s="12" t="s">
        <v>118</v>
      </c>
      <c r="I29" s="12" t="s">
        <v>118</v>
      </c>
      <c r="J29" s="12" t="s">
        <v>118</v>
      </c>
      <c r="K29" s="12" t="s">
        <v>1411</v>
      </c>
      <c r="L29" s="24" t="s">
        <v>752</v>
      </c>
      <c r="M29" s="39">
        <v>38078</v>
      </c>
    </row>
    <row r="30" spans="1:13" ht="26.25" customHeight="1" x14ac:dyDescent="0.15">
      <c r="A30" s="9">
        <v>28</v>
      </c>
      <c r="B30" s="57">
        <v>1670102720</v>
      </c>
      <c r="C30" s="67" t="s">
        <v>1560</v>
      </c>
      <c r="D30" s="63">
        <v>9300816</v>
      </c>
      <c r="E30" s="67" t="s">
        <v>206</v>
      </c>
      <c r="F30" s="24" t="s">
        <v>1173</v>
      </c>
      <c r="G30" s="12" t="s">
        <v>118</v>
      </c>
      <c r="H30" s="12" t="s">
        <v>118</v>
      </c>
      <c r="I30" s="12"/>
      <c r="J30" s="12" t="s">
        <v>118</v>
      </c>
      <c r="K30" s="12" t="s">
        <v>1399</v>
      </c>
      <c r="L30" s="24" t="s">
        <v>1581</v>
      </c>
      <c r="M30" s="39">
        <v>38078</v>
      </c>
    </row>
    <row r="31" spans="1:13" ht="26.25" customHeight="1" x14ac:dyDescent="0.15">
      <c r="A31" s="55">
        <v>29</v>
      </c>
      <c r="B31" s="57">
        <v>1670102811</v>
      </c>
      <c r="C31" s="67" t="s">
        <v>994</v>
      </c>
      <c r="D31" s="80">
        <v>9300817</v>
      </c>
      <c r="E31" s="69" t="s">
        <v>430</v>
      </c>
      <c r="F31" s="24" t="s">
        <v>1075</v>
      </c>
      <c r="G31" s="12" t="s">
        <v>118</v>
      </c>
      <c r="H31" s="12" t="s">
        <v>118</v>
      </c>
      <c r="I31" s="12"/>
      <c r="J31" s="12" t="s">
        <v>118</v>
      </c>
      <c r="K31" s="12" t="s">
        <v>437</v>
      </c>
      <c r="L31" s="24" t="s">
        <v>352</v>
      </c>
      <c r="M31" s="39">
        <v>38169</v>
      </c>
    </row>
    <row r="32" spans="1:13" ht="26.25" customHeight="1" x14ac:dyDescent="0.15">
      <c r="A32" s="9">
        <v>30</v>
      </c>
      <c r="B32" s="57">
        <v>1670102829</v>
      </c>
      <c r="C32" s="67" t="s">
        <v>1419</v>
      </c>
      <c r="D32" s="63">
        <v>9398014</v>
      </c>
      <c r="E32" s="67" t="s">
        <v>1876</v>
      </c>
      <c r="F32" s="24" t="s">
        <v>1162</v>
      </c>
      <c r="G32" s="12" t="s">
        <v>118</v>
      </c>
      <c r="H32" s="12" t="s">
        <v>118</v>
      </c>
      <c r="I32" s="12" t="s">
        <v>118</v>
      </c>
      <c r="J32" s="12" t="s">
        <v>118</v>
      </c>
      <c r="K32" s="12" t="s">
        <v>1582</v>
      </c>
      <c r="L32" s="24" t="s">
        <v>978</v>
      </c>
      <c r="M32" s="39">
        <v>38169</v>
      </c>
    </row>
    <row r="33" spans="1:13" ht="26.25" customHeight="1" x14ac:dyDescent="0.15">
      <c r="A33" s="55">
        <v>31</v>
      </c>
      <c r="B33" s="57">
        <v>1670102928</v>
      </c>
      <c r="C33" s="67" t="s">
        <v>610</v>
      </c>
      <c r="D33" s="63">
        <v>9398208</v>
      </c>
      <c r="E33" s="67" t="s">
        <v>1367</v>
      </c>
      <c r="F33" s="24" t="s">
        <v>46</v>
      </c>
      <c r="G33" s="12" t="s">
        <v>118</v>
      </c>
      <c r="H33" s="12" t="s">
        <v>118</v>
      </c>
      <c r="I33" s="12" t="s">
        <v>118</v>
      </c>
      <c r="J33" s="12" t="s">
        <v>118</v>
      </c>
      <c r="K33" s="12" t="s">
        <v>1522</v>
      </c>
      <c r="L33" s="24" t="s">
        <v>44</v>
      </c>
      <c r="M33" s="39">
        <v>38231</v>
      </c>
    </row>
    <row r="34" spans="1:13" ht="26.25" customHeight="1" x14ac:dyDescent="0.15">
      <c r="A34" s="9">
        <v>32</v>
      </c>
      <c r="B34" s="57">
        <v>1670102993</v>
      </c>
      <c r="C34" s="67" t="s">
        <v>162</v>
      </c>
      <c r="D34" s="63">
        <v>9300036</v>
      </c>
      <c r="E34" s="67" t="s">
        <v>785</v>
      </c>
      <c r="F34" s="24" t="s">
        <v>1082</v>
      </c>
      <c r="G34" s="12" t="s">
        <v>118</v>
      </c>
      <c r="H34" s="12" t="s">
        <v>118</v>
      </c>
      <c r="I34" s="12"/>
      <c r="J34" s="12" t="s">
        <v>118</v>
      </c>
      <c r="K34" s="12" t="s">
        <v>1771</v>
      </c>
      <c r="L34" s="24" t="s">
        <v>611</v>
      </c>
      <c r="M34" s="39">
        <v>38353</v>
      </c>
    </row>
    <row r="35" spans="1:13" ht="26.25" customHeight="1" x14ac:dyDescent="0.15">
      <c r="A35" s="55">
        <v>33</v>
      </c>
      <c r="B35" s="57">
        <v>1670103017</v>
      </c>
      <c r="C35" s="67" t="s">
        <v>1064</v>
      </c>
      <c r="D35" s="63">
        <v>9398072</v>
      </c>
      <c r="E35" s="67" t="s">
        <v>509</v>
      </c>
      <c r="F35" s="24" t="s">
        <v>1172</v>
      </c>
      <c r="G35" s="12" t="s">
        <v>118</v>
      </c>
      <c r="H35" s="12" t="s">
        <v>118</v>
      </c>
      <c r="I35" s="12"/>
      <c r="J35" s="12" t="s">
        <v>118</v>
      </c>
      <c r="K35" s="12" t="s">
        <v>645</v>
      </c>
      <c r="L35" s="12" t="s">
        <v>799</v>
      </c>
      <c r="M35" s="39">
        <v>38353</v>
      </c>
    </row>
    <row r="36" spans="1:13" ht="26.25" customHeight="1" x14ac:dyDescent="0.15">
      <c r="A36" s="9">
        <v>34</v>
      </c>
      <c r="B36" s="57">
        <v>1670103066</v>
      </c>
      <c r="C36" s="67" t="s">
        <v>1437</v>
      </c>
      <c r="D36" s="63">
        <v>9300142</v>
      </c>
      <c r="E36" s="67" t="s">
        <v>80</v>
      </c>
      <c r="F36" s="24" t="s">
        <v>55</v>
      </c>
      <c r="G36" s="12" t="s">
        <v>118</v>
      </c>
      <c r="H36" s="12" t="s">
        <v>118</v>
      </c>
      <c r="I36" s="12"/>
      <c r="J36" s="12" t="s">
        <v>118</v>
      </c>
      <c r="K36" s="12" t="s">
        <v>1486</v>
      </c>
      <c r="L36" s="24" t="s">
        <v>848</v>
      </c>
      <c r="M36" s="39">
        <v>38384</v>
      </c>
    </row>
    <row r="37" spans="1:13" ht="26.25" customHeight="1" x14ac:dyDescent="0.15">
      <c r="A37" s="55">
        <v>35</v>
      </c>
      <c r="B37" s="57">
        <v>1671800488</v>
      </c>
      <c r="C37" s="67" t="s">
        <v>75</v>
      </c>
      <c r="D37" s="63">
        <v>9392376</v>
      </c>
      <c r="E37" s="67" t="s">
        <v>708</v>
      </c>
      <c r="F37" s="24" t="s">
        <v>266</v>
      </c>
      <c r="G37" s="12" t="s">
        <v>118</v>
      </c>
      <c r="H37" s="12" t="s">
        <v>118</v>
      </c>
      <c r="I37" s="12"/>
      <c r="J37" s="12" t="s">
        <v>118</v>
      </c>
      <c r="K37" s="12" t="s">
        <v>1138</v>
      </c>
      <c r="L37" s="24" t="s">
        <v>1583</v>
      </c>
      <c r="M37" s="39">
        <v>38412</v>
      </c>
    </row>
    <row r="38" spans="1:13" ht="26.25" customHeight="1" x14ac:dyDescent="0.15">
      <c r="A38" s="9">
        <v>36</v>
      </c>
      <c r="B38" s="57">
        <v>1670103355</v>
      </c>
      <c r="C38" s="67" t="s">
        <v>402</v>
      </c>
      <c r="D38" s="63">
        <v>9300817</v>
      </c>
      <c r="E38" s="67" t="s">
        <v>1561</v>
      </c>
      <c r="F38" s="24" t="s">
        <v>1075</v>
      </c>
      <c r="G38" s="12" t="s">
        <v>118</v>
      </c>
      <c r="H38" s="12" t="s">
        <v>118</v>
      </c>
      <c r="I38" s="12"/>
      <c r="J38" s="12" t="s">
        <v>118</v>
      </c>
      <c r="K38" s="12" t="s">
        <v>1135</v>
      </c>
      <c r="L38" s="24" t="s">
        <v>1584</v>
      </c>
      <c r="M38" s="39">
        <v>38626</v>
      </c>
    </row>
    <row r="39" spans="1:13" ht="26.25" customHeight="1" x14ac:dyDescent="0.15">
      <c r="A39" s="55">
        <v>37</v>
      </c>
      <c r="B39" s="57">
        <v>1670103884</v>
      </c>
      <c r="C39" s="67" t="s">
        <v>1563</v>
      </c>
      <c r="D39" s="63">
        <v>9300813</v>
      </c>
      <c r="E39" s="67" t="s">
        <v>1116</v>
      </c>
      <c r="F39" s="24" t="s">
        <v>1173</v>
      </c>
      <c r="G39" s="12" t="s">
        <v>118</v>
      </c>
      <c r="H39" s="12" t="s">
        <v>118</v>
      </c>
      <c r="I39" s="12"/>
      <c r="J39" s="12" t="s">
        <v>118</v>
      </c>
      <c r="K39" s="12" t="s">
        <v>642</v>
      </c>
      <c r="L39" s="24" t="s">
        <v>525</v>
      </c>
      <c r="M39" s="39">
        <v>38838</v>
      </c>
    </row>
    <row r="40" spans="1:13" ht="26.25" customHeight="1" x14ac:dyDescent="0.15">
      <c r="A40" s="9">
        <v>38</v>
      </c>
      <c r="B40" s="57">
        <v>1670103892</v>
      </c>
      <c r="C40" s="67" t="s">
        <v>537</v>
      </c>
      <c r="D40" s="63">
        <v>9393554</v>
      </c>
      <c r="E40" s="67" t="s">
        <v>347</v>
      </c>
      <c r="F40" s="24" t="s">
        <v>760</v>
      </c>
      <c r="G40" s="12" t="s">
        <v>118</v>
      </c>
      <c r="H40" s="12" t="s">
        <v>118</v>
      </c>
      <c r="I40" s="12"/>
      <c r="J40" s="12" t="s">
        <v>118</v>
      </c>
      <c r="K40" s="12" t="s">
        <v>1586</v>
      </c>
      <c r="L40" s="24" t="s">
        <v>1587</v>
      </c>
      <c r="M40" s="39">
        <v>38838</v>
      </c>
    </row>
    <row r="41" spans="1:13" ht="26.25" customHeight="1" x14ac:dyDescent="0.15">
      <c r="A41" s="55">
        <v>39</v>
      </c>
      <c r="B41" s="57">
        <v>1670104007</v>
      </c>
      <c r="C41" s="67" t="s">
        <v>542</v>
      </c>
      <c r="D41" s="63">
        <v>9300801</v>
      </c>
      <c r="E41" s="16" t="s">
        <v>1115</v>
      </c>
      <c r="F41" s="24" t="s">
        <v>1156</v>
      </c>
      <c r="G41" s="12" t="s">
        <v>118</v>
      </c>
      <c r="H41" s="12" t="s">
        <v>118</v>
      </c>
      <c r="I41" s="12"/>
      <c r="J41" s="12" t="s">
        <v>118</v>
      </c>
      <c r="K41" s="12" t="s">
        <v>1158</v>
      </c>
      <c r="L41" s="24" t="s">
        <v>1589</v>
      </c>
      <c r="M41" s="39">
        <v>38899</v>
      </c>
    </row>
    <row r="42" spans="1:13" ht="26.25" customHeight="1" x14ac:dyDescent="0.15">
      <c r="A42" s="9">
        <v>40</v>
      </c>
      <c r="B42" s="57">
        <v>1670104098</v>
      </c>
      <c r="C42" s="67" t="s">
        <v>1870</v>
      </c>
      <c r="D42" s="63">
        <v>9398136</v>
      </c>
      <c r="E42" s="67" t="s">
        <v>512</v>
      </c>
      <c r="F42" s="24" t="s">
        <v>227</v>
      </c>
      <c r="G42" s="12" t="s">
        <v>118</v>
      </c>
      <c r="H42" s="12" t="s">
        <v>118</v>
      </c>
      <c r="I42" s="12"/>
      <c r="J42" s="12" t="s">
        <v>118</v>
      </c>
      <c r="K42" s="12" t="s">
        <v>691</v>
      </c>
      <c r="L42" s="24" t="s">
        <v>1591</v>
      </c>
      <c r="M42" s="39">
        <v>41183</v>
      </c>
    </row>
    <row r="43" spans="1:13" ht="26.25" customHeight="1" x14ac:dyDescent="0.15">
      <c r="A43" s="55">
        <v>41</v>
      </c>
      <c r="B43" s="57">
        <v>1670104288</v>
      </c>
      <c r="C43" s="67" t="s">
        <v>483</v>
      </c>
      <c r="D43" s="63">
        <v>9300887</v>
      </c>
      <c r="E43" s="67" t="s">
        <v>375</v>
      </c>
      <c r="F43" s="24" t="s">
        <v>599</v>
      </c>
      <c r="G43" s="12" t="s">
        <v>118</v>
      </c>
      <c r="H43" s="12" t="s">
        <v>118</v>
      </c>
      <c r="I43" s="12"/>
      <c r="J43" s="12" t="s">
        <v>118</v>
      </c>
      <c r="K43" s="12" t="s">
        <v>1593</v>
      </c>
      <c r="L43" s="24" t="s">
        <v>1594</v>
      </c>
      <c r="M43" s="39">
        <v>39173</v>
      </c>
    </row>
    <row r="44" spans="1:13" ht="26.25" customHeight="1" x14ac:dyDescent="0.15">
      <c r="A44" s="9">
        <v>42</v>
      </c>
      <c r="B44" s="57">
        <v>1670104262</v>
      </c>
      <c r="C44" s="67" t="s">
        <v>158</v>
      </c>
      <c r="D44" s="63">
        <v>9300012</v>
      </c>
      <c r="E44" s="67" t="s">
        <v>633</v>
      </c>
      <c r="F44" s="24" t="s">
        <v>1174</v>
      </c>
      <c r="G44" s="12" t="s">
        <v>118</v>
      </c>
      <c r="H44" s="12" t="s">
        <v>118</v>
      </c>
      <c r="I44" s="12"/>
      <c r="J44" s="12" t="s">
        <v>118</v>
      </c>
      <c r="K44" s="12" t="s">
        <v>1595</v>
      </c>
      <c r="L44" s="24" t="s">
        <v>265</v>
      </c>
      <c r="M44" s="39">
        <v>39173</v>
      </c>
    </row>
    <row r="45" spans="1:13" ht="26.25" customHeight="1" x14ac:dyDescent="0.15">
      <c r="A45" s="55">
        <v>43</v>
      </c>
      <c r="B45" s="57">
        <v>1670104304</v>
      </c>
      <c r="C45" s="16" t="s">
        <v>1005</v>
      </c>
      <c r="D45" s="63">
        <v>9393555</v>
      </c>
      <c r="E45" s="16" t="s">
        <v>353</v>
      </c>
      <c r="F45" s="24" t="s">
        <v>760</v>
      </c>
      <c r="G45" s="12" t="s">
        <v>118</v>
      </c>
      <c r="H45" s="12" t="s">
        <v>118</v>
      </c>
      <c r="I45" s="12"/>
      <c r="J45" s="12" t="s">
        <v>118</v>
      </c>
      <c r="K45" s="12" t="s">
        <v>1289</v>
      </c>
      <c r="L45" s="12" t="s">
        <v>1289</v>
      </c>
      <c r="M45" s="39">
        <v>39203</v>
      </c>
    </row>
    <row r="46" spans="1:13" ht="26.25" customHeight="1" x14ac:dyDescent="0.15">
      <c r="A46" s="9">
        <v>44</v>
      </c>
      <c r="B46" s="57">
        <v>1670104338</v>
      </c>
      <c r="C46" s="16" t="s">
        <v>411</v>
      </c>
      <c r="D46" s="81">
        <v>9398036</v>
      </c>
      <c r="E46" s="16" t="s">
        <v>463</v>
      </c>
      <c r="F46" s="24" t="s">
        <v>1159</v>
      </c>
      <c r="G46" s="12" t="s">
        <v>118</v>
      </c>
      <c r="H46" s="12" t="s">
        <v>118</v>
      </c>
      <c r="I46" s="12"/>
      <c r="J46" s="12" t="s">
        <v>118</v>
      </c>
      <c r="K46" s="12" t="s">
        <v>292</v>
      </c>
      <c r="L46" s="12" t="s">
        <v>471</v>
      </c>
      <c r="M46" s="39">
        <v>39264</v>
      </c>
    </row>
    <row r="47" spans="1:13" ht="26.25" customHeight="1" x14ac:dyDescent="0.15">
      <c r="A47" s="55">
        <v>45</v>
      </c>
      <c r="B47" s="57">
        <v>1670104460</v>
      </c>
      <c r="C47" s="16" t="s">
        <v>1564</v>
      </c>
      <c r="D47" s="63">
        <v>9300926</v>
      </c>
      <c r="E47" s="16" t="s">
        <v>906</v>
      </c>
      <c r="F47" s="24" t="s">
        <v>791</v>
      </c>
      <c r="G47" s="12" t="s">
        <v>118</v>
      </c>
      <c r="H47" s="12" t="s">
        <v>118</v>
      </c>
      <c r="I47" s="12"/>
      <c r="J47" s="12" t="s">
        <v>118</v>
      </c>
      <c r="K47" s="12" t="s">
        <v>1787</v>
      </c>
      <c r="L47" s="12" t="s">
        <v>1789</v>
      </c>
      <c r="M47" s="39">
        <v>39417</v>
      </c>
    </row>
    <row r="48" spans="1:13" ht="26.25" customHeight="1" x14ac:dyDescent="0.15">
      <c r="A48" s="9">
        <v>46</v>
      </c>
      <c r="B48" s="57">
        <v>1670104718</v>
      </c>
      <c r="C48" s="16" t="s">
        <v>553</v>
      </c>
      <c r="D48" s="63">
        <v>9398281</v>
      </c>
      <c r="E48" s="67" t="s">
        <v>348</v>
      </c>
      <c r="F48" s="24" t="s">
        <v>46</v>
      </c>
      <c r="G48" s="12" t="s">
        <v>118</v>
      </c>
      <c r="H48" s="12" t="s">
        <v>118</v>
      </c>
      <c r="I48" s="12" t="s">
        <v>118</v>
      </c>
      <c r="J48" s="12" t="s">
        <v>118</v>
      </c>
      <c r="K48" s="12" t="s">
        <v>554</v>
      </c>
      <c r="L48" s="12" t="s">
        <v>558</v>
      </c>
      <c r="M48" s="39">
        <v>39630</v>
      </c>
    </row>
    <row r="49" spans="1:13" ht="26.25" customHeight="1" x14ac:dyDescent="0.15">
      <c r="A49" s="55">
        <v>47</v>
      </c>
      <c r="B49" s="57">
        <v>1670104726</v>
      </c>
      <c r="C49" s="16" t="s">
        <v>68</v>
      </c>
      <c r="D49" s="82">
        <v>9398211</v>
      </c>
      <c r="E49" s="86" t="s">
        <v>2141</v>
      </c>
      <c r="F49" s="24" t="s">
        <v>46</v>
      </c>
      <c r="G49" s="12" t="s">
        <v>118</v>
      </c>
      <c r="H49" s="12" t="s">
        <v>118</v>
      </c>
      <c r="I49" s="12"/>
      <c r="J49" s="12" t="s">
        <v>118</v>
      </c>
      <c r="K49" s="12" t="s">
        <v>405</v>
      </c>
      <c r="L49" s="12" t="s">
        <v>1199</v>
      </c>
      <c r="M49" s="39">
        <v>39630</v>
      </c>
    </row>
    <row r="50" spans="1:13" customFormat="1" ht="26.25" customHeight="1" x14ac:dyDescent="0.15">
      <c r="A50" s="9">
        <v>48</v>
      </c>
      <c r="B50" s="57">
        <v>1670104767</v>
      </c>
      <c r="C50" s="67" t="s">
        <v>792</v>
      </c>
      <c r="D50" s="63">
        <v>9300916</v>
      </c>
      <c r="E50" s="67" t="s">
        <v>915</v>
      </c>
      <c r="F50" s="24" t="s">
        <v>1167</v>
      </c>
      <c r="G50" s="12" t="s">
        <v>118</v>
      </c>
      <c r="H50" s="12" t="s">
        <v>118</v>
      </c>
      <c r="I50" s="12" t="s">
        <v>118</v>
      </c>
      <c r="J50" s="12" t="s">
        <v>452</v>
      </c>
      <c r="K50" s="12" t="s">
        <v>1350</v>
      </c>
      <c r="L50" s="12" t="s">
        <v>445</v>
      </c>
      <c r="M50" s="39">
        <v>39845</v>
      </c>
    </row>
    <row r="51" spans="1:13" ht="26.25" customHeight="1" x14ac:dyDescent="0.15">
      <c r="A51" s="55">
        <v>49</v>
      </c>
      <c r="B51" s="57">
        <v>1670104791</v>
      </c>
      <c r="C51" s="67" t="s">
        <v>416</v>
      </c>
      <c r="D51" s="80">
        <v>9398072</v>
      </c>
      <c r="E51" s="69" t="s">
        <v>27</v>
      </c>
      <c r="F51" s="24" t="s">
        <v>1172</v>
      </c>
      <c r="G51" s="12" t="s">
        <v>118</v>
      </c>
      <c r="H51" s="12" t="s">
        <v>118</v>
      </c>
      <c r="I51" s="12" t="s">
        <v>118</v>
      </c>
      <c r="J51" s="12" t="s">
        <v>118</v>
      </c>
      <c r="K51" s="12" t="s">
        <v>842</v>
      </c>
      <c r="L51" s="12" t="s">
        <v>668</v>
      </c>
      <c r="M51" s="39">
        <v>39904</v>
      </c>
    </row>
    <row r="52" spans="1:13" ht="26.25" customHeight="1" x14ac:dyDescent="0.15">
      <c r="A52" s="9">
        <v>50</v>
      </c>
      <c r="B52" s="57">
        <v>1670104817</v>
      </c>
      <c r="C52" s="67" t="s">
        <v>225</v>
      </c>
      <c r="D52" s="63">
        <v>9300916</v>
      </c>
      <c r="E52" s="67" t="s">
        <v>529</v>
      </c>
      <c r="F52" s="24" t="s">
        <v>1167</v>
      </c>
      <c r="G52" s="12" t="s">
        <v>118</v>
      </c>
      <c r="H52" s="12" t="s">
        <v>118</v>
      </c>
      <c r="I52" s="12"/>
      <c r="J52" s="12" t="s">
        <v>118</v>
      </c>
      <c r="K52" s="12" t="s">
        <v>349</v>
      </c>
      <c r="L52" s="12" t="s">
        <v>448</v>
      </c>
      <c r="M52" s="39">
        <v>39904</v>
      </c>
    </row>
    <row r="53" spans="1:13" ht="26.25" customHeight="1" x14ac:dyDescent="0.15">
      <c r="A53" s="55">
        <v>51</v>
      </c>
      <c r="B53" s="57">
        <v>1670104841</v>
      </c>
      <c r="C53" s="67" t="s">
        <v>851</v>
      </c>
      <c r="D53" s="63">
        <v>9300847</v>
      </c>
      <c r="E53" s="67" t="s">
        <v>1565</v>
      </c>
      <c r="F53" s="24" t="s">
        <v>1075</v>
      </c>
      <c r="G53" s="12" t="s">
        <v>118</v>
      </c>
      <c r="H53" s="12" t="s">
        <v>118</v>
      </c>
      <c r="I53" s="12"/>
      <c r="J53" s="12" t="s">
        <v>118</v>
      </c>
      <c r="K53" s="12" t="s">
        <v>850</v>
      </c>
      <c r="L53" s="12" t="s">
        <v>660</v>
      </c>
      <c r="M53" s="39">
        <v>39904</v>
      </c>
    </row>
    <row r="54" spans="1:13" ht="26.25" customHeight="1" x14ac:dyDescent="0.15">
      <c r="A54" s="9">
        <v>52</v>
      </c>
      <c r="B54" s="58" t="s">
        <v>870</v>
      </c>
      <c r="C54" s="68" t="s">
        <v>871</v>
      </c>
      <c r="D54" s="82">
        <v>9300819</v>
      </c>
      <c r="E54" s="68" t="s">
        <v>1493</v>
      </c>
      <c r="F54" s="24" t="s">
        <v>1075</v>
      </c>
      <c r="G54" s="12" t="s">
        <v>118</v>
      </c>
      <c r="H54" s="12" t="s">
        <v>118</v>
      </c>
      <c r="I54" s="12" t="s">
        <v>118</v>
      </c>
      <c r="J54" s="12" t="s">
        <v>452</v>
      </c>
      <c r="K54" s="97" t="s">
        <v>703</v>
      </c>
      <c r="L54" s="97" t="s">
        <v>1070</v>
      </c>
      <c r="M54" s="101">
        <v>40057</v>
      </c>
    </row>
    <row r="55" spans="1:13" ht="26.25" customHeight="1" x14ac:dyDescent="0.15">
      <c r="A55" s="55">
        <v>53</v>
      </c>
      <c r="B55" s="58" t="s">
        <v>1107</v>
      </c>
      <c r="C55" s="68" t="s">
        <v>172</v>
      </c>
      <c r="D55" s="82" t="s">
        <v>1112</v>
      </c>
      <c r="E55" s="68" t="s">
        <v>191</v>
      </c>
      <c r="F55" s="24" t="s">
        <v>620</v>
      </c>
      <c r="G55" s="12" t="s">
        <v>118</v>
      </c>
      <c r="H55" s="12" t="s">
        <v>118</v>
      </c>
      <c r="I55" s="12"/>
      <c r="J55" s="12" t="s">
        <v>118</v>
      </c>
      <c r="K55" s="97" t="s">
        <v>1113</v>
      </c>
      <c r="L55" s="97" t="s">
        <v>1114</v>
      </c>
      <c r="M55" s="101">
        <v>40269</v>
      </c>
    </row>
    <row r="56" spans="1:13" ht="26.25" customHeight="1" x14ac:dyDescent="0.15">
      <c r="A56" s="9">
        <v>54</v>
      </c>
      <c r="B56" s="57" t="s">
        <v>521</v>
      </c>
      <c r="C56" s="68" t="s">
        <v>637</v>
      </c>
      <c r="D56" s="63">
        <v>9398073</v>
      </c>
      <c r="E56" s="16" t="s">
        <v>517</v>
      </c>
      <c r="F56" s="24" t="s">
        <v>221</v>
      </c>
      <c r="G56" s="12" t="s">
        <v>118</v>
      </c>
      <c r="H56" s="12" t="s">
        <v>118</v>
      </c>
      <c r="I56" s="12"/>
      <c r="J56" s="12" t="s">
        <v>118</v>
      </c>
      <c r="K56" s="97" t="s">
        <v>519</v>
      </c>
      <c r="L56" s="97" t="s">
        <v>244</v>
      </c>
      <c r="M56" s="39">
        <v>40330</v>
      </c>
    </row>
    <row r="57" spans="1:13" ht="26.25" customHeight="1" x14ac:dyDescent="0.15">
      <c r="A57" s="55">
        <v>55</v>
      </c>
      <c r="B57" s="57">
        <v>1670111846</v>
      </c>
      <c r="C57" s="68" t="s">
        <v>429</v>
      </c>
      <c r="D57" s="82">
        <v>9300881</v>
      </c>
      <c r="E57" s="68" t="s">
        <v>464</v>
      </c>
      <c r="F57" s="24" t="s">
        <v>202</v>
      </c>
      <c r="G57" s="12" t="s">
        <v>118</v>
      </c>
      <c r="H57" s="12" t="s">
        <v>118</v>
      </c>
      <c r="I57" s="12"/>
      <c r="J57" s="12" t="s">
        <v>118</v>
      </c>
      <c r="K57" s="97" t="s">
        <v>623</v>
      </c>
      <c r="L57" s="97" t="s">
        <v>626</v>
      </c>
      <c r="M57" s="39">
        <v>40848</v>
      </c>
    </row>
    <row r="58" spans="1:13" ht="26.25" customHeight="1" x14ac:dyDescent="0.15">
      <c r="A58" s="9">
        <v>56</v>
      </c>
      <c r="B58" s="59">
        <v>1670111937</v>
      </c>
      <c r="C58" s="68" t="s">
        <v>365</v>
      </c>
      <c r="D58" s="83">
        <v>9300955</v>
      </c>
      <c r="E58" s="68" t="s">
        <v>1073</v>
      </c>
      <c r="F58" s="24" t="s">
        <v>983</v>
      </c>
      <c r="G58" s="12" t="s">
        <v>118</v>
      </c>
      <c r="H58" s="12" t="s">
        <v>118</v>
      </c>
      <c r="I58" s="12"/>
      <c r="J58" s="12" t="s">
        <v>118</v>
      </c>
      <c r="K58" s="97" t="s">
        <v>388</v>
      </c>
      <c r="L58" s="97" t="s">
        <v>833</v>
      </c>
      <c r="M58" s="39">
        <v>40969</v>
      </c>
    </row>
    <row r="59" spans="1:13" ht="26.25" customHeight="1" x14ac:dyDescent="0.15">
      <c r="A59" s="55">
        <v>57</v>
      </c>
      <c r="B59" s="59">
        <v>1670111945</v>
      </c>
      <c r="C59" s="16" t="s">
        <v>1366</v>
      </c>
      <c r="D59" s="80">
        <v>9300975</v>
      </c>
      <c r="E59" s="16" t="s">
        <v>1724</v>
      </c>
      <c r="F59" s="24" t="s">
        <v>1151</v>
      </c>
      <c r="G59" s="12" t="s">
        <v>118</v>
      </c>
      <c r="H59" s="12" t="s">
        <v>118</v>
      </c>
      <c r="I59" s="12"/>
      <c r="J59" s="12" t="s">
        <v>118</v>
      </c>
      <c r="K59" s="12" t="s">
        <v>337</v>
      </c>
      <c r="L59" s="12" t="s">
        <v>1598</v>
      </c>
      <c r="M59" s="39">
        <v>40969</v>
      </c>
    </row>
    <row r="60" spans="1:13" ht="26.25" customHeight="1" x14ac:dyDescent="0.15">
      <c r="A60" s="9">
        <v>58</v>
      </c>
      <c r="B60" s="59">
        <v>1670112265</v>
      </c>
      <c r="C60" s="69" t="s">
        <v>716</v>
      </c>
      <c r="D60" s="80">
        <v>9300953</v>
      </c>
      <c r="E60" s="69" t="s">
        <v>1026</v>
      </c>
      <c r="F60" s="24" t="s">
        <v>983</v>
      </c>
      <c r="G60" s="12" t="s">
        <v>118</v>
      </c>
      <c r="H60" s="12" t="s">
        <v>118</v>
      </c>
      <c r="I60" s="12"/>
      <c r="J60" s="12" t="s">
        <v>118</v>
      </c>
      <c r="K60" s="14" t="s">
        <v>1600</v>
      </c>
      <c r="L60" s="14" t="s">
        <v>1601</v>
      </c>
      <c r="M60" s="102">
        <v>41306</v>
      </c>
    </row>
    <row r="61" spans="1:13" ht="26.25" customHeight="1" x14ac:dyDescent="0.15">
      <c r="A61" s="55">
        <v>59</v>
      </c>
      <c r="B61" s="59">
        <v>1670112240</v>
      </c>
      <c r="C61" s="69" t="s">
        <v>392</v>
      </c>
      <c r="D61" s="80">
        <v>9300853</v>
      </c>
      <c r="E61" s="69" t="s">
        <v>89</v>
      </c>
      <c r="F61" s="24" t="s">
        <v>1075</v>
      </c>
      <c r="G61" s="12" t="s">
        <v>118</v>
      </c>
      <c r="H61" s="12" t="s">
        <v>118</v>
      </c>
      <c r="I61" s="12"/>
      <c r="J61" s="12" t="s">
        <v>118</v>
      </c>
      <c r="K61" s="14" t="s">
        <v>1603</v>
      </c>
      <c r="L61" s="14" t="s">
        <v>713</v>
      </c>
      <c r="M61" s="102">
        <v>41306</v>
      </c>
    </row>
    <row r="62" spans="1:13" ht="26.25" customHeight="1" x14ac:dyDescent="0.15">
      <c r="A62" s="9">
        <v>60</v>
      </c>
      <c r="B62" s="59">
        <v>1670112323</v>
      </c>
      <c r="C62" s="16" t="s">
        <v>2113</v>
      </c>
      <c r="D62" s="84">
        <v>9398214</v>
      </c>
      <c r="E62" s="16" t="s">
        <v>62</v>
      </c>
      <c r="F62" s="12" t="s">
        <v>1163</v>
      </c>
      <c r="G62" s="12" t="s">
        <v>118</v>
      </c>
      <c r="H62" s="12" t="s">
        <v>118</v>
      </c>
      <c r="I62" s="12"/>
      <c r="J62" s="12" t="s">
        <v>118</v>
      </c>
      <c r="K62" s="12" t="s">
        <v>1703</v>
      </c>
      <c r="L62" s="12" t="s">
        <v>1605</v>
      </c>
      <c r="M62" s="102">
        <v>41365</v>
      </c>
    </row>
    <row r="63" spans="1:13" ht="26.25" customHeight="1" x14ac:dyDescent="0.15">
      <c r="A63" s="55">
        <v>61</v>
      </c>
      <c r="B63" s="59">
        <v>1670112356</v>
      </c>
      <c r="C63" s="16" t="s">
        <v>991</v>
      </c>
      <c r="D63" s="80">
        <v>9300975</v>
      </c>
      <c r="E63" s="16" t="s">
        <v>1339</v>
      </c>
      <c r="F63" s="12" t="s">
        <v>1151</v>
      </c>
      <c r="G63" s="12" t="s">
        <v>118</v>
      </c>
      <c r="H63" s="12" t="s">
        <v>118</v>
      </c>
      <c r="I63" s="12"/>
      <c r="J63" s="12" t="s">
        <v>118</v>
      </c>
      <c r="K63" s="12" t="s">
        <v>1606</v>
      </c>
      <c r="L63" s="12" t="s">
        <v>252</v>
      </c>
      <c r="M63" s="102">
        <v>41365</v>
      </c>
    </row>
    <row r="64" spans="1:13" ht="26.25" customHeight="1" x14ac:dyDescent="0.15">
      <c r="A64" s="9">
        <v>62</v>
      </c>
      <c r="B64" s="59">
        <v>1670112448</v>
      </c>
      <c r="C64" s="16" t="s">
        <v>1498</v>
      </c>
      <c r="D64" s="80">
        <v>9300891</v>
      </c>
      <c r="E64" s="16" t="s">
        <v>1008</v>
      </c>
      <c r="F64" s="24" t="s">
        <v>202</v>
      </c>
      <c r="G64" s="12" t="s">
        <v>118</v>
      </c>
      <c r="H64" s="12" t="s">
        <v>118</v>
      </c>
      <c r="I64" s="12"/>
      <c r="J64" s="12" t="s">
        <v>118</v>
      </c>
      <c r="K64" s="12" t="s">
        <v>1790</v>
      </c>
      <c r="L64" s="100" t="s">
        <v>1369</v>
      </c>
      <c r="M64" s="39">
        <v>41456</v>
      </c>
    </row>
    <row r="65" spans="1:13" ht="26.25" customHeight="1" x14ac:dyDescent="0.15">
      <c r="A65" s="55">
        <v>63</v>
      </c>
      <c r="B65" s="60">
        <v>1670112612</v>
      </c>
      <c r="C65" s="17" t="s">
        <v>1293</v>
      </c>
      <c r="D65" s="84">
        <v>9300922</v>
      </c>
      <c r="E65" s="17" t="s">
        <v>1295</v>
      </c>
      <c r="F65" s="13" t="s">
        <v>15</v>
      </c>
      <c r="G65" s="13" t="s">
        <v>118</v>
      </c>
      <c r="H65" s="12" t="s">
        <v>118</v>
      </c>
      <c r="I65" s="13"/>
      <c r="J65" s="13" t="s">
        <v>118</v>
      </c>
      <c r="K65" s="13" t="s">
        <v>1297</v>
      </c>
      <c r="L65" s="13" t="s">
        <v>1204</v>
      </c>
      <c r="M65" s="50">
        <v>41579</v>
      </c>
    </row>
    <row r="66" spans="1:13" ht="26.25" customHeight="1" x14ac:dyDescent="0.15">
      <c r="A66" s="9">
        <v>64</v>
      </c>
      <c r="B66" s="60">
        <v>1670112877</v>
      </c>
      <c r="C66" s="17" t="s">
        <v>1521</v>
      </c>
      <c r="D66" s="84">
        <v>9300816</v>
      </c>
      <c r="E66" s="17" t="s">
        <v>936</v>
      </c>
      <c r="F66" s="13" t="s">
        <v>1173</v>
      </c>
      <c r="G66" s="13" t="s">
        <v>118</v>
      </c>
      <c r="H66" s="12" t="s">
        <v>118</v>
      </c>
      <c r="I66" s="13"/>
      <c r="J66" s="13" t="s">
        <v>118</v>
      </c>
      <c r="K66" s="98" t="s">
        <v>1318</v>
      </c>
      <c r="L66" s="98" t="s">
        <v>1319</v>
      </c>
      <c r="M66" s="50">
        <v>41760</v>
      </c>
    </row>
    <row r="67" spans="1:13" ht="26.25" customHeight="1" x14ac:dyDescent="0.15">
      <c r="A67" s="55">
        <v>65</v>
      </c>
      <c r="B67" s="60">
        <v>1670112869</v>
      </c>
      <c r="C67" s="17" t="s">
        <v>1566</v>
      </c>
      <c r="D67" s="84">
        <v>9302233</v>
      </c>
      <c r="E67" s="17" t="s">
        <v>248</v>
      </c>
      <c r="F67" s="13" t="s">
        <v>798</v>
      </c>
      <c r="G67" s="13" t="s">
        <v>118</v>
      </c>
      <c r="H67" s="12" t="s">
        <v>118</v>
      </c>
      <c r="I67" s="13"/>
      <c r="J67" s="13" t="s">
        <v>118</v>
      </c>
      <c r="K67" s="98" t="s">
        <v>255</v>
      </c>
      <c r="L67" s="98" t="s">
        <v>1051</v>
      </c>
      <c r="M67" s="50">
        <v>41760</v>
      </c>
    </row>
    <row r="68" spans="1:13" ht="26.25" customHeight="1" x14ac:dyDescent="0.15">
      <c r="A68" s="9">
        <v>66</v>
      </c>
      <c r="B68" s="13">
        <v>1670114584</v>
      </c>
      <c r="C68" s="17" t="s">
        <v>784</v>
      </c>
      <c r="D68" s="63">
        <v>9300039</v>
      </c>
      <c r="E68" s="16" t="s">
        <v>1428</v>
      </c>
      <c r="F68" s="24" t="s">
        <v>1405</v>
      </c>
      <c r="G68" s="13" t="s">
        <v>118</v>
      </c>
      <c r="H68" s="12" t="s">
        <v>118</v>
      </c>
      <c r="I68" s="13"/>
      <c r="J68" s="13" t="s">
        <v>118</v>
      </c>
      <c r="K68" s="98" t="s">
        <v>1821</v>
      </c>
      <c r="L68" s="98" t="s">
        <v>1822</v>
      </c>
      <c r="M68" s="50">
        <v>43556</v>
      </c>
    </row>
    <row r="69" spans="1:13" ht="26.25" customHeight="1" x14ac:dyDescent="0.15">
      <c r="A69" s="55">
        <v>67</v>
      </c>
      <c r="B69" s="60">
        <v>1670113016</v>
      </c>
      <c r="C69" s="16" t="s">
        <v>1568</v>
      </c>
      <c r="D69" s="84">
        <v>9392252</v>
      </c>
      <c r="E69" s="17" t="s">
        <v>1569</v>
      </c>
      <c r="F69" s="12" t="s">
        <v>620</v>
      </c>
      <c r="G69" s="12" t="s">
        <v>118</v>
      </c>
      <c r="H69" s="12" t="s">
        <v>118</v>
      </c>
      <c r="I69" s="12"/>
      <c r="J69" s="12" t="s">
        <v>118</v>
      </c>
      <c r="K69" s="12" t="s">
        <v>1260</v>
      </c>
      <c r="L69" s="12" t="s">
        <v>335</v>
      </c>
      <c r="M69" s="39">
        <v>41821</v>
      </c>
    </row>
    <row r="70" spans="1:13" customFormat="1" ht="26.25" customHeight="1" x14ac:dyDescent="0.15">
      <c r="A70" s="9">
        <v>68</v>
      </c>
      <c r="B70" s="57">
        <v>1670113123</v>
      </c>
      <c r="C70" s="70" t="s">
        <v>556</v>
      </c>
      <c r="D70" s="63">
        <v>9300874</v>
      </c>
      <c r="E70" s="16" t="s">
        <v>1431</v>
      </c>
      <c r="F70" s="12" t="s">
        <v>1524</v>
      </c>
      <c r="G70" s="12" t="s">
        <v>118</v>
      </c>
      <c r="H70" s="12" t="s">
        <v>118</v>
      </c>
      <c r="I70" s="12"/>
      <c r="J70" s="12" t="s">
        <v>118</v>
      </c>
      <c r="K70" s="12" t="s">
        <v>721</v>
      </c>
      <c r="L70" s="12" t="s">
        <v>1932</v>
      </c>
      <c r="M70" s="39">
        <v>41883</v>
      </c>
    </row>
    <row r="71" spans="1:13" customFormat="1" ht="26.25" customHeight="1" x14ac:dyDescent="0.15">
      <c r="A71" s="55">
        <v>69</v>
      </c>
      <c r="B71" s="57">
        <v>1670113172</v>
      </c>
      <c r="C71" s="70" t="s">
        <v>1193</v>
      </c>
      <c r="D71" s="63">
        <v>9300936</v>
      </c>
      <c r="E71" s="87" t="s">
        <v>477</v>
      </c>
      <c r="F71" s="12" t="s">
        <v>791</v>
      </c>
      <c r="G71" s="12" t="s">
        <v>118</v>
      </c>
      <c r="H71" s="12" t="s">
        <v>118</v>
      </c>
      <c r="I71" s="12"/>
      <c r="J71" s="12" t="s">
        <v>452</v>
      </c>
      <c r="K71" s="12" t="s">
        <v>919</v>
      </c>
      <c r="L71" s="12" t="s">
        <v>340</v>
      </c>
      <c r="M71" s="39">
        <v>41913</v>
      </c>
    </row>
    <row r="72" spans="1:13" customFormat="1" ht="26.25" customHeight="1" x14ac:dyDescent="0.15">
      <c r="A72" s="9">
        <v>70</v>
      </c>
      <c r="B72" s="57">
        <v>1670113206</v>
      </c>
      <c r="C72" s="70" t="s">
        <v>1482</v>
      </c>
      <c r="D72" s="63">
        <v>9392711</v>
      </c>
      <c r="E72" s="16" t="s">
        <v>1241</v>
      </c>
      <c r="F72" s="12" t="s">
        <v>1161</v>
      </c>
      <c r="G72" s="12" t="s">
        <v>118</v>
      </c>
      <c r="H72" s="12" t="s">
        <v>118</v>
      </c>
      <c r="I72" s="12"/>
      <c r="J72" s="12" t="s">
        <v>118</v>
      </c>
      <c r="K72" s="12" t="s">
        <v>1374</v>
      </c>
      <c r="L72" s="12" t="s">
        <v>1258</v>
      </c>
      <c r="M72" s="39">
        <v>41974</v>
      </c>
    </row>
    <row r="73" spans="1:13" customFormat="1" ht="26.25" customHeight="1" x14ac:dyDescent="0.15">
      <c r="A73" s="55">
        <v>71</v>
      </c>
      <c r="B73" s="57">
        <v>1670113214</v>
      </c>
      <c r="C73" s="70" t="s">
        <v>1423</v>
      </c>
      <c r="D73" s="63">
        <v>9390014</v>
      </c>
      <c r="E73" s="16" t="s">
        <v>1572</v>
      </c>
      <c r="F73" s="12" t="s">
        <v>1174</v>
      </c>
      <c r="G73" s="12" t="s">
        <v>118</v>
      </c>
      <c r="H73" s="12" t="s">
        <v>118</v>
      </c>
      <c r="I73" s="12"/>
      <c r="J73" s="12" t="s">
        <v>118</v>
      </c>
      <c r="K73" s="12" t="s">
        <v>1500</v>
      </c>
      <c r="L73" s="12" t="s">
        <v>1391</v>
      </c>
      <c r="M73" s="39">
        <v>41974</v>
      </c>
    </row>
    <row r="74" spans="1:13" customFormat="1" ht="26.25" customHeight="1" x14ac:dyDescent="0.15">
      <c r="A74" s="9">
        <v>72</v>
      </c>
      <c r="B74" s="57">
        <v>1670113362</v>
      </c>
      <c r="C74" s="70" t="s">
        <v>793</v>
      </c>
      <c r="D74" s="63">
        <v>9300115</v>
      </c>
      <c r="E74" s="16" t="s">
        <v>1573</v>
      </c>
      <c r="F74" s="12" t="s">
        <v>55</v>
      </c>
      <c r="G74" s="12" t="s">
        <v>118</v>
      </c>
      <c r="H74" s="12" t="s">
        <v>118</v>
      </c>
      <c r="I74" s="12" t="s">
        <v>118</v>
      </c>
      <c r="J74" s="12" t="s">
        <v>118</v>
      </c>
      <c r="K74" s="12" t="s">
        <v>1375</v>
      </c>
      <c r="L74" s="12" t="s">
        <v>863</v>
      </c>
      <c r="M74" s="39">
        <v>42095</v>
      </c>
    </row>
    <row r="75" spans="1:13" customFormat="1" ht="26.25" customHeight="1" x14ac:dyDescent="0.15">
      <c r="A75" s="55">
        <v>73</v>
      </c>
      <c r="B75" s="57">
        <v>1670113511</v>
      </c>
      <c r="C75" s="70" t="s">
        <v>535</v>
      </c>
      <c r="D75" s="63">
        <v>9300901</v>
      </c>
      <c r="E75" s="16" t="s">
        <v>755</v>
      </c>
      <c r="F75" s="12" t="s">
        <v>1167</v>
      </c>
      <c r="G75" s="12" t="s">
        <v>118</v>
      </c>
      <c r="H75" s="12" t="s">
        <v>118</v>
      </c>
      <c r="I75" s="12"/>
      <c r="J75" s="12" t="s">
        <v>118</v>
      </c>
      <c r="K75" s="12" t="s">
        <v>376</v>
      </c>
      <c r="L75" s="12" t="s">
        <v>38</v>
      </c>
      <c r="M75" s="39">
        <v>42278</v>
      </c>
    </row>
    <row r="76" spans="1:13" customFormat="1" ht="26.25" customHeight="1" x14ac:dyDescent="0.15">
      <c r="A76" s="9">
        <v>74</v>
      </c>
      <c r="B76" s="57">
        <v>1670113545</v>
      </c>
      <c r="C76" s="70" t="s">
        <v>1385</v>
      </c>
      <c r="D76" s="63">
        <v>9398055</v>
      </c>
      <c r="E76" s="16" t="s">
        <v>864</v>
      </c>
      <c r="F76" s="12" t="s">
        <v>1172</v>
      </c>
      <c r="G76" s="12" t="s">
        <v>118</v>
      </c>
      <c r="H76" s="12" t="s">
        <v>118</v>
      </c>
      <c r="I76" s="12"/>
      <c r="J76" s="12" t="s">
        <v>118</v>
      </c>
      <c r="K76" s="12" t="s">
        <v>1227</v>
      </c>
      <c r="L76" s="12" t="s">
        <v>222</v>
      </c>
      <c r="M76" s="39">
        <v>42309</v>
      </c>
    </row>
    <row r="77" spans="1:13" customFormat="1" ht="26.25" customHeight="1" x14ac:dyDescent="0.15">
      <c r="A77" s="55">
        <v>75</v>
      </c>
      <c r="B77" s="57">
        <v>1670113594</v>
      </c>
      <c r="C77" s="70" t="s">
        <v>917</v>
      </c>
      <c r="D77" s="79">
        <v>9398213</v>
      </c>
      <c r="E77" s="16" t="s">
        <v>1753</v>
      </c>
      <c r="F77" s="26" t="s">
        <v>1264</v>
      </c>
      <c r="G77" s="12" t="s">
        <v>118</v>
      </c>
      <c r="H77" s="12" t="s">
        <v>118</v>
      </c>
      <c r="I77" s="12" t="s">
        <v>118</v>
      </c>
      <c r="J77" s="12" t="s">
        <v>118</v>
      </c>
      <c r="K77" s="12" t="s">
        <v>1403</v>
      </c>
      <c r="L77" s="12" t="s">
        <v>1344</v>
      </c>
      <c r="M77" s="39">
        <v>42339</v>
      </c>
    </row>
    <row r="78" spans="1:13" customFormat="1" ht="26.25" customHeight="1" x14ac:dyDescent="0.15">
      <c r="A78" s="9">
        <v>76</v>
      </c>
      <c r="B78" s="57">
        <v>1670113636</v>
      </c>
      <c r="C78" s="70" t="s">
        <v>1422</v>
      </c>
      <c r="D78" s="63">
        <v>9398211</v>
      </c>
      <c r="E78" s="73" t="s">
        <v>1788</v>
      </c>
      <c r="F78" s="12" t="s">
        <v>46</v>
      </c>
      <c r="G78" s="12" t="s">
        <v>118</v>
      </c>
      <c r="H78" s="12" t="s">
        <v>118</v>
      </c>
      <c r="I78" s="12"/>
      <c r="J78" s="12" t="s">
        <v>118</v>
      </c>
      <c r="K78" s="12" t="s">
        <v>608</v>
      </c>
      <c r="L78" s="12" t="s">
        <v>1445</v>
      </c>
      <c r="M78" s="39">
        <v>42339</v>
      </c>
    </row>
    <row r="79" spans="1:13" customFormat="1" ht="26.25" customHeight="1" x14ac:dyDescent="0.15">
      <c r="A79" s="55">
        <v>77</v>
      </c>
      <c r="B79" s="57">
        <v>1670113768</v>
      </c>
      <c r="C79" s="70" t="s">
        <v>629</v>
      </c>
      <c r="D79" s="63">
        <v>9302205</v>
      </c>
      <c r="E79" s="16" t="s">
        <v>1574</v>
      </c>
      <c r="F79" s="12" t="s">
        <v>219</v>
      </c>
      <c r="G79" s="12" t="s">
        <v>118</v>
      </c>
      <c r="H79" s="12" t="s">
        <v>118</v>
      </c>
      <c r="I79" s="12" t="s">
        <v>118</v>
      </c>
      <c r="J79" s="12" t="s">
        <v>118</v>
      </c>
      <c r="K79" s="12" t="s">
        <v>666</v>
      </c>
      <c r="L79" s="12" t="s">
        <v>1278</v>
      </c>
      <c r="M79" s="39">
        <v>42583</v>
      </c>
    </row>
    <row r="80" spans="1:13" customFormat="1" ht="26.25" customHeight="1" x14ac:dyDescent="0.15">
      <c r="A80" s="9">
        <v>78</v>
      </c>
      <c r="B80" s="57">
        <v>1670113883</v>
      </c>
      <c r="C80" s="70" t="s">
        <v>1575</v>
      </c>
      <c r="D80" s="63">
        <v>9300171</v>
      </c>
      <c r="E80" s="16" t="s">
        <v>367</v>
      </c>
      <c r="F80" s="12" t="s">
        <v>278</v>
      </c>
      <c r="G80" s="12" t="s">
        <v>118</v>
      </c>
      <c r="H80" s="12" t="s">
        <v>118</v>
      </c>
      <c r="I80" s="12"/>
      <c r="J80" s="12" t="s">
        <v>118</v>
      </c>
      <c r="K80" s="12" t="s">
        <v>1226</v>
      </c>
      <c r="L80" s="12" t="s">
        <v>433</v>
      </c>
      <c r="M80" s="39">
        <v>42736</v>
      </c>
    </row>
    <row r="81" spans="1:14" customFormat="1" ht="26.25" customHeight="1" x14ac:dyDescent="0.15">
      <c r="A81" s="55">
        <v>79</v>
      </c>
      <c r="B81" s="12">
        <v>1670114014</v>
      </c>
      <c r="C81" s="70" t="s">
        <v>163</v>
      </c>
      <c r="D81" s="63">
        <v>9398263</v>
      </c>
      <c r="E81" s="16" t="s">
        <v>436</v>
      </c>
      <c r="F81" s="12" t="s">
        <v>814</v>
      </c>
      <c r="G81" s="12" t="s">
        <v>118</v>
      </c>
      <c r="H81" s="12" t="s">
        <v>118</v>
      </c>
      <c r="I81" s="12"/>
      <c r="J81" s="13" t="s">
        <v>452</v>
      </c>
      <c r="K81" s="12" t="s">
        <v>604</v>
      </c>
      <c r="L81" s="12" t="s">
        <v>1397</v>
      </c>
      <c r="M81" s="39">
        <v>42826</v>
      </c>
    </row>
    <row r="82" spans="1:14" customFormat="1" ht="26.25" customHeight="1" x14ac:dyDescent="0.15">
      <c r="A82" s="9">
        <v>80</v>
      </c>
      <c r="B82" s="13">
        <v>1670114063</v>
      </c>
      <c r="C82" s="17" t="s">
        <v>811</v>
      </c>
      <c r="D82" s="84">
        <v>9318431</v>
      </c>
      <c r="E82" s="17" t="s">
        <v>1578</v>
      </c>
      <c r="F82" s="13" t="s">
        <v>1101</v>
      </c>
      <c r="G82" s="13" t="s">
        <v>118</v>
      </c>
      <c r="H82" s="13" t="s">
        <v>118</v>
      </c>
      <c r="I82" s="13"/>
      <c r="J82" s="13" t="s">
        <v>118</v>
      </c>
      <c r="K82" s="25" t="s">
        <v>869</v>
      </c>
      <c r="L82" s="13" t="s">
        <v>1477</v>
      </c>
      <c r="M82" s="50">
        <v>42856</v>
      </c>
      <c r="N82" s="53"/>
    </row>
    <row r="83" spans="1:14" ht="26.25" customHeight="1" x14ac:dyDescent="0.15">
      <c r="A83" s="55">
        <v>81</v>
      </c>
      <c r="B83" s="13">
        <v>1670114097</v>
      </c>
      <c r="C83" s="71" t="s">
        <v>444</v>
      </c>
      <c r="D83" s="84">
        <v>9300063</v>
      </c>
      <c r="E83" s="71" t="s">
        <v>1513</v>
      </c>
      <c r="F83" s="13" t="s">
        <v>1749</v>
      </c>
      <c r="G83" s="12" t="s">
        <v>118</v>
      </c>
      <c r="H83" s="12" t="s">
        <v>118</v>
      </c>
      <c r="I83" s="24"/>
      <c r="J83" s="12" t="s">
        <v>118</v>
      </c>
      <c r="K83" s="13" t="s">
        <v>401</v>
      </c>
      <c r="L83" s="13" t="s">
        <v>1317</v>
      </c>
      <c r="M83" s="103">
        <v>42917</v>
      </c>
    </row>
    <row r="84" spans="1:14" customFormat="1" ht="26.25" customHeight="1" x14ac:dyDescent="0.15">
      <c r="A84" s="9">
        <v>82</v>
      </c>
      <c r="B84" s="12">
        <v>1670114295</v>
      </c>
      <c r="C84" s="16" t="s">
        <v>1579</v>
      </c>
      <c r="D84" s="63">
        <v>9398086</v>
      </c>
      <c r="E84" s="16" t="s">
        <v>2156</v>
      </c>
      <c r="F84" s="24" t="s">
        <v>46</v>
      </c>
      <c r="G84" s="62" t="s">
        <v>118</v>
      </c>
      <c r="H84" s="62" t="s">
        <v>118</v>
      </c>
      <c r="I84" s="62" t="s">
        <v>118</v>
      </c>
      <c r="J84" s="61" t="s">
        <v>118</v>
      </c>
      <c r="K84" s="12" t="s">
        <v>1777</v>
      </c>
      <c r="L84" s="12" t="s">
        <v>1650</v>
      </c>
      <c r="M84" s="104">
        <v>43191</v>
      </c>
    </row>
    <row r="85" spans="1:14" ht="26.25" customHeight="1" x14ac:dyDescent="0.15">
      <c r="A85" s="55">
        <v>83</v>
      </c>
      <c r="B85" s="12">
        <v>1670114329</v>
      </c>
      <c r="C85" s="16" t="s">
        <v>1529</v>
      </c>
      <c r="D85" s="81">
        <v>9398216</v>
      </c>
      <c r="E85" s="16" t="s">
        <v>2093</v>
      </c>
      <c r="F85" s="57" t="s">
        <v>1380</v>
      </c>
      <c r="G85" s="12" t="s">
        <v>118</v>
      </c>
      <c r="H85" s="12" t="s">
        <v>118</v>
      </c>
      <c r="I85" s="24"/>
      <c r="J85" s="12" t="s">
        <v>452</v>
      </c>
      <c r="K85" s="12" t="s">
        <v>189</v>
      </c>
      <c r="L85" s="12" t="s">
        <v>452</v>
      </c>
      <c r="M85" s="105">
        <v>43252</v>
      </c>
    </row>
    <row r="86" spans="1:14" customFormat="1" ht="26.25" customHeight="1" x14ac:dyDescent="0.15">
      <c r="A86" s="9">
        <v>84</v>
      </c>
      <c r="B86" s="61">
        <v>1670114394</v>
      </c>
      <c r="C86" s="72" t="s">
        <v>1673</v>
      </c>
      <c r="D86" s="85">
        <v>9300801</v>
      </c>
      <c r="E86" s="72" t="s">
        <v>1674</v>
      </c>
      <c r="F86" s="61" t="s">
        <v>1156</v>
      </c>
      <c r="G86" s="62" t="s">
        <v>118</v>
      </c>
      <c r="H86" s="62" t="s">
        <v>118</v>
      </c>
      <c r="I86" s="61" t="s">
        <v>118</v>
      </c>
      <c r="J86" s="61" t="s">
        <v>118</v>
      </c>
      <c r="K86" s="61" t="s">
        <v>181</v>
      </c>
      <c r="L86" s="61" t="s">
        <v>857</v>
      </c>
      <c r="M86" s="106">
        <v>43374</v>
      </c>
    </row>
    <row r="87" spans="1:14" customFormat="1" ht="26.25" customHeight="1" x14ac:dyDescent="0.15">
      <c r="A87" s="55">
        <v>85</v>
      </c>
      <c r="B87" s="12">
        <v>1670114402</v>
      </c>
      <c r="C87" s="16" t="s">
        <v>1000</v>
      </c>
      <c r="D87" s="63">
        <v>9398015</v>
      </c>
      <c r="E87" s="16" t="s">
        <v>2133</v>
      </c>
      <c r="F87" s="12" t="s">
        <v>1162</v>
      </c>
      <c r="G87" s="12" t="s">
        <v>118</v>
      </c>
      <c r="H87" s="12" t="s">
        <v>118</v>
      </c>
      <c r="I87" s="12"/>
      <c r="J87" s="12" t="s">
        <v>452</v>
      </c>
      <c r="K87" s="12" t="s">
        <v>1505</v>
      </c>
      <c r="L87" s="12" t="s">
        <v>1552</v>
      </c>
      <c r="M87" s="105">
        <v>43405</v>
      </c>
    </row>
    <row r="88" spans="1:14" customFormat="1" ht="26.25" customHeight="1" x14ac:dyDescent="0.15">
      <c r="A88" s="9">
        <v>86</v>
      </c>
      <c r="B88" s="62">
        <v>1670114469</v>
      </c>
      <c r="C88" s="73" t="s">
        <v>1680</v>
      </c>
      <c r="D88" s="79">
        <v>9300116</v>
      </c>
      <c r="E88" s="73" t="s">
        <v>299</v>
      </c>
      <c r="F88" s="62" t="s">
        <v>55</v>
      </c>
      <c r="G88" s="12" t="s">
        <v>118</v>
      </c>
      <c r="H88" s="12"/>
      <c r="I88" s="12"/>
      <c r="J88" s="12" t="s">
        <v>118</v>
      </c>
      <c r="K88" s="62" t="s">
        <v>1599</v>
      </c>
      <c r="L88" s="62" t="s">
        <v>475</v>
      </c>
      <c r="M88" s="105">
        <v>43435</v>
      </c>
    </row>
    <row r="89" spans="1:14" customFormat="1" ht="26.25" customHeight="1" x14ac:dyDescent="0.15">
      <c r="A89" s="55">
        <v>87</v>
      </c>
      <c r="B89" s="12">
        <v>1670114568</v>
      </c>
      <c r="C89" s="16" t="s">
        <v>1697</v>
      </c>
      <c r="D89" s="63">
        <v>9398048</v>
      </c>
      <c r="E89" s="16" t="s">
        <v>858</v>
      </c>
      <c r="F89" s="12" t="s">
        <v>1159</v>
      </c>
      <c r="G89" s="12" t="s">
        <v>118</v>
      </c>
      <c r="H89" s="12" t="s">
        <v>118</v>
      </c>
      <c r="I89" s="12"/>
      <c r="J89" s="12" t="s">
        <v>118</v>
      </c>
      <c r="K89" s="12" t="s">
        <v>699</v>
      </c>
      <c r="L89" s="12" t="s">
        <v>1413</v>
      </c>
      <c r="M89" s="105">
        <v>43525</v>
      </c>
    </row>
    <row r="90" spans="1:14" ht="26.25" customHeight="1" x14ac:dyDescent="0.15">
      <c r="A90" s="9">
        <v>88</v>
      </c>
      <c r="B90" s="61">
        <v>1670114675</v>
      </c>
      <c r="C90" s="72" t="s">
        <v>476</v>
      </c>
      <c r="D90" s="84">
        <v>9300992</v>
      </c>
      <c r="E90" s="88" t="s">
        <v>1404</v>
      </c>
      <c r="F90" s="13" t="s">
        <v>1180</v>
      </c>
      <c r="G90" s="61" t="s">
        <v>118</v>
      </c>
      <c r="H90" s="61" t="s">
        <v>118</v>
      </c>
      <c r="I90" s="61"/>
      <c r="J90" s="62" t="s">
        <v>452</v>
      </c>
      <c r="K90" s="61" t="s">
        <v>11</v>
      </c>
      <c r="L90" s="61" t="s">
        <v>1723</v>
      </c>
      <c r="M90" s="103">
        <v>43678</v>
      </c>
    </row>
    <row r="91" spans="1:14" ht="26.25" customHeight="1" x14ac:dyDescent="0.15">
      <c r="A91" s="55">
        <v>89</v>
      </c>
      <c r="B91" s="12">
        <v>1670114709</v>
      </c>
      <c r="C91" s="16" t="s">
        <v>1730</v>
      </c>
      <c r="D91" s="63">
        <v>9398025</v>
      </c>
      <c r="E91" s="16" t="s">
        <v>295</v>
      </c>
      <c r="F91" s="12" t="s">
        <v>15</v>
      </c>
      <c r="G91" s="12" t="s">
        <v>1728</v>
      </c>
      <c r="H91" s="12" t="s">
        <v>1728</v>
      </c>
      <c r="I91" s="12"/>
      <c r="J91" s="12" t="s">
        <v>118</v>
      </c>
      <c r="K91" s="12" t="s">
        <v>95</v>
      </c>
      <c r="L91" s="12" t="s">
        <v>1731</v>
      </c>
      <c r="M91" s="105">
        <v>43739</v>
      </c>
    </row>
    <row r="92" spans="1:14" ht="26.25" customHeight="1" x14ac:dyDescent="0.15">
      <c r="A92" s="9">
        <v>90</v>
      </c>
      <c r="B92" s="62">
        <v>1670114725</v>
      </c>
      <c r="C92" s="73" t="s">
        <v>1733</v>
      </c>
      <c r="D92" s="79">
        <v>9392376</v>
      </c>
      <c r="E92" s="73" t="s">
        <v>1734</v>
      </c>
      <c r="F92" s="62" t="s">
        <v>266</v>
      </c>
      <c r="G92" s="62" t="s">
        <v>1728</v>
      </c>
      <c r="H92" s="62" t="s">
        <v>1728</v>
      </c>
      <c r="I92" s="62"/>
      <c r="J92" s="62" t="s">
        <v>118</v>
      </c>
      <c r="K92" s="62" t="s">
        <v>1517</v>
      </c>
      <c r="L92" s="62" t="s">
        <v>1738</v>
      </c>
      <c r="M92" s="104">
        <v>43770</v>
      </c>
    </row>
    <row r="93" spans="1:14" ht="26.25" customHeight="1" x14ac:dyDescent="0.15">
      <c r="A93" s="55">
        <v>91</v>
      </c>
      <c r="B93" s="61">
        <v>1670114733</v>
      </c>
      <c r="C93" s="72" t="s">
        <v>659</v>
      </c>
      <c r="D93" s="85">
        <v>9300138</v>
      </c>
      <c r="E93" s="89" t="s">
        <v>457</v>
      </c>
      <c r="F93" s="61" t="s">
        <v>55</v>
      </c>
      <c r="G93" s="61" t="s">
        <v>1728</v>
      </c>
      <c r="H93" s="61" t="s">
        <v>1728</v>
      </c>
      <c r="I93" s="61"/>
      <c r="J93" s="61" t="s">
        <v>118</v>
      </c>
      <c r="K93" s="61" t="s">
        <v>446</v>
      </c>
      <c r="L93" s="61" t="s">
        <v>1245</v>
      </c>
      <c r="M93" s="106">
        <v>43770</v>
      </c>
    </row>
    <row r="94" spans="1:14" ht="26.25" customHeight="1" x14ac:dyDescent="0.15">
      <c r="A94" s="9">
        <v>92</v>
      </c>
      <c r="B94" s="12">
        <v>1670114790</v>
      </c>
      <c r="C94" s="16" t="s">
        <v>1191</v>
      </c>
      <c r="D94" s="63">
        <v>9300952</v>
      </c>
      <c r="E94" s="16" t="s">
        <v>1010</v>
      </c>
      <c r="F94" s="12" t="s">
        <v>15</v>
      </c>
      <c r="G94" s="12" t="s">
        <v>1728</v>
      </c>
      <c r="H94" s="12" t="s">
        <v>1728</v>
      </c>
      <c r="I94" s="12"/>
      <c r="J94" s="12" t="s">
        <v>118</v>
      </c>
      <c r="K94" s="12" t="s">
        <v>1658</v>
      </c>
      <c r="L94" s="12" t="s">
        <v>1286</v>
      </c>
      <c r="M94" s="105">
        <v>43862</v>
      </c>
    </row>
    <row r="95" spans="1:14" ht="26.25" customHeight="1" x14ac:dyDescent="0.15">
      <c r="A95" s="55">
        <v>93</v>
      </c>
      <c r="B95" s="13">
        <v>1670114832</v>
      </c>
      <c r="C95" s="17" t="s">
        <v>1757</v>
      </c>
      <c r="D95" s="84">
        <v>9393521</v>
      </c>
      <c r="E95" s="17" t="s">
        <v>137</v>
      </c>
      <c r="F95" s="13" t="s">
        <v>822</v>
      </c>
      <c r="G95" s="13" t="s">
        <v>1728</v>
      </c>
      <c r="H95" s="13" t="s">
        <v>1728</v>
      </c>
      <c r="I95" s="13"/>
      <c r="J95" s="13" t="s">
        <v>118</v>
      </c>
      <c r="K95" s="13" t="s">
        <v>1761</v>
      </c>
      <c r="L95" s="13" t="s">
        <v>1271</v>
      </c>
      <c r="M95" s="103">
        <v>43922</v>
      </c>
    </row>
    <row r="96" spans="1:14" ht="26.25" customHeight="1" x14ac:dyDescent="0.15">
      <c r="A96" s="9">
        <v>94</v>
      </c>
      <c r="B96" s="13">
        <v>1670114840</v>
      </c>
      <c r="C96" s="17" t="s">
        <v>1758</v>
      </c>
      <c r="D96" s="84">
        <v>9398055</v>
      </c>
      <c r="E96" s="17" t="s">
        <v>1759</v>
      </c>
      <c r="F96" s="13" t="s">
        <v>1172</v>
      </c>
      <c r="G96" s="13" t="s">
        <v>1728</v>
      </c>
      <c r="H96" s="13" t="s">
        <v>1728</v>
      </c>
      <c r="I96" s="13"/>
      <c r="J96" s="13" t="s">
        <v>1728</v>
      </c>
      <c r="K96" s="13" t="s">
        <v>1760</v>
      </c>
      <c r="L96" s="13" t="s">
        <v>1682</v>
      </c>
      <c r="M96" s="103">
        <v>43922</v>
      </c>
    </row>
    <row r="97" spans="1:14" ht="26.25" customHeight="1" x14ac:dyDescent="0.15">
      <c r="A97" s="55">
        <v>95</v>
      </c>
      <c r="B97" s="13">
        <v>1670114857</v>
      </c>
      <c r="C97" s="17" t="s">
        <v>888</v>
      </c>
      <c r="D97" s="84">
        <v>9398081</v>
      </c>
      <c r="E97" s="75" t="s">
        <v>825</v>
      </c>
      <c r="F97" s="13" t="s">
        <v>1157</v>
      </c>
      <c r="G97" s="13" t="s">
        <v>1728</v>
      </c>
      <c r="H97" s="13" t="s">
        <v>1728</v>
      </c>
      <c r="I97" s="13"/>
      <c r="J97" s="13" t="s">
        <v>118</v>
      </c>
      <c r="K97" s="13" t="s">
        <v>395</v>
      </c>
      <c r="L97" s="13" t="s">
        <v>885</v>
      </c>
      <c r="M97" s="103">
        <v>43922</v>
      </c>
    </row>
    <row r="98" spans="1:14" ht="26.25" customHeight="1" x14ac:dyDescent="0.15">
      <c r="A98" s="9">
        <v>96</v>
      </c>
      <c r="B98" s="13">
        <v>1670114881</v>
      </c>
      <c r="C98" s="17" t="s">
        <v>1765</v>
      </c>
      <c r="D98" s="84">
        <v>9300962</v>
      </c>
      <c r="E98" s="17" t="s">
        <v>1436</v>
      </c>
      <c r="F98" s="13" t="s">
        <v>1151</v>
      </c>
      <c r="G98" s="13" t="s">
        <v>1728</v>
      </c>
      <c r="H98" s="13" t="s">
        <v>1728</v>
      </c>
      <c r="I98" s="13"/>
      <c r="J98" s="12" t="s">
        <v>452</v>
      </c>
      <c r="K98" s="13" t="s">
        <v>1813</v>
      </c>
      <c r="L98" s="13" t="s">
        <v>1668</v>
      </c>
      <c r="M98" s="103">
        <v>43952</v>
      </c>
    </row>
    <row r="99" spans="1:14" ht="26.25" customHeight="1" x14ac:dyDescent="0.15">
      <c r="A99" s="55">
        <v>97</v>
      </c>
      <c r="B99" s="13">
        <v>1670114923</v>
      </c>
      <c r="C99" s="17" t="s">
        <v>1187</v>
      </c>
      <c r="D99" s="84">
        <v>9300033</v>
      </c>
      <c r="E99" s="71" t="s">
        <v>538</v>
      </c>
      <c r="F99" s="13" t="s">
        <v>1082</v>
      </c>
      <c r="G99" s="13" t="s">
        <v>1728</v>
      </c>
      <c r="H99" s="13" t="s">
        <v>1728</v>
      </c>
      <c r="I99" s="13"/>
      <c r="J99" s="13" t="s">
        <v>118</v>
      </c>
      <c r="K99" s="25" t="s">
        <v>1808</v>
      </c>
      <c r="L99" s="13" t="s">
        <v>1807</v>
      </c>
      <c r="M99" s="103">
        <v>43952</v>
      </c>
    </row>
    <row r="100" spans="1:14" ht="26.25" customHeight="1" x14ac:dyDescent="0.15">
      <c r="A100" s="9">
        <v>98</v>
      </c>
      <c r="B100" s="12">
        <v>1670114998</v>
      </c>
      <c r="C100" s="16" t="s">
        <v>214</v>
      </c>
      <c r="D100" s="63">
        <v>9318453</v>
      </c>
      <c r="E100" s="16" t="s">
        <v>1637</v>
      </c>
      <c r="F100" s="12" t="s">
        <v>1334</v>
      </c>
      <c r="G100" s="12" t="s">
        <v>118</v>
      </c>
      <c r="H100" s="12" t="s">
        <v>1728</v>
      </c>
      <c r="I100" s="12"/>
      <c r="J100" s="12" t="s">
        <v>118</v>
      </c>
      <c r="K100" s="12" t="s">
        <v>1392</v>
      </c>
      <c r="L100" s="12" t="s">
        <v>1014</v>
      </c>
      <c r="M100" s="105">
        <v>44075</v>
      </c>
    </row>
    <row r="101" spans="1:14" ht="26.25" customHeight="1" x14ac:dyDescent="0.15">
      <c r="A101" s="55">
        <v>99</v>
      </c>
      <c r="B101" s="13">
        <v>1670115011</v>
      </c>
      <c r="C101" s="17" t="s">
        <v>1452</v>
      </c>
      <c r="D101" s="84">
        <v>9300831</v>
      </c>
      <c r="E101" s="17" t="s">
        <v>889</v>
      </c>
      <c r="F101" s="13" t="s">
        <v>1173</v>
      </c>
      <c r="G101" s="13" t="s">
        <v>118</v>
      </c>
      <c r="H101" s="13" t="s">
        <v>1728</v>
      </c>
      <c r="I101" s="13"/>
      <c r="J101" s="13" t="s">
        <v>118</v>
      </c>
      <c r="K101" s="13" t="s">
        <v>1772</v>
      </c>
      <c r="L101" s="13" t="s">
        <v>1614</v>
      </c>
      <c r="M101" s="103">
        <v>44075</v>
      </c>
    </row>
    <row r="102" spans="1:14" ht="26.25" customHeight="1" x14ac:dyDescent="0.15">
      <c r="A102" s="9">
        <v>100</v>
      </c>
      <c r="B102" s="13">
        <v>1670115045</v>
      </c>
      <c r="C102" s="17" t="s">
        <v>1793</v>
      </c>
      <c r="D102" s="84">
        <v>9300983</v>
      </c>
      <c r="E102" s="90" t="s">
        <v>895</v>
      </c>
      <c r="F102" s="13" t="s">
        <v>1180</v>
      </c>
      <c r="G102" s="13" t="s">
        <v>118</v>
      </c>
      <c r="H102" s="13" t="s">
        <v>1728</v>
      </c>
      <c r="I102" s="13"/>
      <c r="J102" s="13" t="s">
        <v>118</v>
      </c>
      <c r="K102" s="25" t="s">
        <v>1814</v>
      </c>
      <c r="L102" s="13" t="s">
        <v>1142</v>
      </c>
      <c r="M102" s="103">
        <v>44228</v>
      </c>
    </row>
    <row r="103" spans="1:14" ht="26.25" customHeight="1" x14ac:dyDescent="0.15">
      <c r="A103" s="55">
        <v>101</v>
      </c>
      <c r="B103" s="13">
        <v>1670115052</v>
      </c>
      <c r="C103" s="74" t="s">
        <v>174</v>
      </c>
      <c r="D103" s="84">
        <v>9398005</v>
      </c>
      <c r="E103" s="17" t="s">
        <v>90</v>
      </c>
      <c r="F103" s="25" t="s">
        <v>983</v>
      </c>
      <c r="G103" s="13" t="s">
        <v>118</v>
      </c>
      <c r="H103" s="13" t="s">
        <v>118</v>
      </c>
      <c r="I103" s="13"/>
      <c r="J103" s="13" t="s">
        <v>118</v>
      </c>
      <c r="K103" s="99" t="s">
        <v>242</v>
      </c>
      <c r="L103" s="99" t="s">
        <v>329</v>
      </c>
      <c r="M103" s="107">
        <v>44256</v>
      </c>
    </row>
    <row r="104" spans="1:14" ht="26.25" customHeight="1" x14ac:dyDescent="0.15">
      <c r="A104" s="9">
        <v>102</v>
      </c>
      <c r="B104" s="13">
        <v>1670115136</v>
      </c>
      <c r="C104" s="74" t="s">
        <v>809</v>
      </c>
      <c r="D104" s="84">
        <v>9300916</v>
      </c>
      <c r="E104" s="17" t="s">
        <v>872</v>
      </c>
      <c r="F104" s="25" t="s">
        <v>1167</v>
      </c>
      <c r="G104" s="13" t="s">
        <v>118</v>
      </c>
      <c r="H104" s="13" t="s">
        <v>118</v>
      </c>
      <c r="I104" s="13"/>
      <c r="J104" s="13" t="s">
        <v>118</v>
      </c>
      <c r="K104" s="99" t="s">
        <v>1039</v>
      </c>
      <c r="L104" s="99" t="s">
        <v>1460</v>
      </c>
      <c r="M104" s="50">
        <v>44562</v>
      </c>
    </row>
    <row r="105" spans="1:14" ht="26.25" customHeight="1" x14ac:dyDescent="0.15">
      <c r="A105" s="55">
        <v>103</v>
      </c>
      <c r="B105" s="13">
        <v>1670115169</v>
      </c>
      <c r="C105" s="74" t="s">
        <v>434</v>
      </c>
      <c r="D105" s="84">
        <v>9398213</v>
      </c>
      <c r="E105" s="17" t="s">
        <v>1863</v>
      </c>
      <c r="F105" s="25" t="s">
        <v>1264</v>
      </c>
      <c r="G105" s="13" t="s">
        <v>118</v>
      </c>
      <c r="H105" s="13" t="s">
        <v>118</v>
      </c>
      <c r="I105" s="13"/>
      <c r="J105" s="13" t="s">
        <v>118</v>
      </c>
      <c r="K105" s="25" t="s">
        <v>1057</v>
      </c>
      <c r="L105" s="13" t="s">
        <v>1344</v>
      </c>
      <c r="M105" s="50">
        <v>44713</v>
      </c>
    </row>
    <row r="106" spans="1:14" ht="26.25" customHeight="1" x14ac:dyDescent="0.15">
      <c r="A106" s="9">
        <v>104</v>
      </c>
      <c r="B106" s="13">
        <v>1670115177</v>
      </c>
      <c r="C106" s="74" t="s">
        <v>1306</v>
      </c>
      <c r="D106" s="84">
        <v>9398201</v>
      </c>
      <c r="E106" s="17" t="s">
        <v>1865</v>
      </c>
      <c r="F106" s="25" t="s">
        <v>796</v>
      </c>
      <c r="G106" s="13" t="s">
        <v>118</v>
      </c>
      <c r="H106" s="13" t="s">
        <v>118</v>
      </c>
      <c r="I106" s="13"/>
      <c r="J106" s="13" t="s">
        <v>118</v>
      </c>
      <c r="K106" s="25" t="s">
        <v>1208</v>
      </c>
      <c r="L106" s="13" t="s">
        <v>1867</v>
      </c>
      <c r="M106" s="50">
        <v>44713</v>
      </c>
    </row>
    <row r="107" spans="1:14" ht="26.25" customHeight="1" x14ac:dyDescent="0.15">
      <c r="A107" s="55">
        <v>105</v>
      </c>
      <c r="B107" s="13">
        <v>1670115185</v>
      </c>
      <c r="C107" s="74" t="s">
        <v>1871</v>
      </c>
      <c r="D107" s="84">
        <v>9392245</v>
      </c>
      <c r="E107" s="17" t="s">
        <v>1872</v>
      </c>
      <c r="F107" s="25" t="s">
        <v>620</v>
      </c>
      <c r="G107" s="13" t="s">
        <v>118</v>
      </c>
      <c r="H107" s="13" t="s">
        <v>118</v>
      </c>
      <c r="I107" s="13" t="s">
        <v>118</v>
      </c>
      <c r="J107" s="13" t="s">
        <v>118</v>
      </c>
      <c r="K107" s="25" t="s">
        <v>840</v>
      </c>
      <c r="L107" s="13" t="s">
        <v>143</v>
      </c>
      <c r="M107" s="50">
        <v>44743</v>
      </c>
    </row>
    <row r="108" spans="1:14" ht="26.25" customHeight="1" x14ac:dyDescent="0.15">
      <c r="A108" s="9">
        <v>106</v>
      </c>
      <c r="B108" s="13">
        <v>1670115201</v>
      </c>
      <c r="C108" s="74" t="s">
        <v>1874</v>
      </c>
      <c r="D108" s="84">
        <v>9300108</v>
      </c>
      <c r="E108" s="17" t="s">
        <v>354</v>
      </c>
      <c r="F108" s="25" t="s">
        <v>1253</v>
      </c>
      <c r="G108" s="13" t="s">
        <v>118</v>
      </c>
      <c r="H108" s="13" t="s">
        <v>118</v>
      </c>
      <c r="I108" s="13"/>
      <c r="J108" s="13" t="s">
        <v>118</v>
      </c>
      <c r="K108" s="13" t="s">
        <v>452</v>
      </c>
      <c r="L108" s="13" t="s">
        <v>452</v>
      </c>
      <c r="M108" s="108">
        <v>44774</v>
      </c>
      <c r="N108" s="115"/>
    </row>
    <row r="109" spans="1:14" ht="26.25" customHeight="1" x14ac:dyDescent="0.15">
      <c r="A109" s="55">
        <v>107</v>
      </c>
      <c r="B109" s="13">
        <v>1670115300</v>
      </c>
      <c r="C109" s="74" t="s">
        <v>363</v>
      </c>
      <c r="D109" s="84">
        <v>9398132</v>
      </c>
      <c r="E109" s="17" t="s">
        <v>563</v>
      </c>
      <c r="F109" s="24" t="s">
        <v>227</v>
      </c>
      <c r="G109" s="12" t="s">
        <v>118</v>
      </c>
      <c r="H109" s="12" t="s">
        <v>118</v>
      </c>
      <c r="I109" s="12"/>
      <c r="J109" s="12" t="s">
        <v>118</v>
      </c>
      <c r="K109" s="24" t="s">
        <v>1013</v>
      </c>
      <c r="L109" s="12" t="s">
        <v>1739</v>
      </c>
      <c r="M109" s="39">
        <v>45017</v>
      </c>
    </row>
    <row r="110" spans="1:14" ht="26.25" customHeight="1" x14ac:dyDescent="0.15">
      <c r="A110" s="9">
        <v>108</v>
      </c>
      <c r="B110" s="12">
        <v>1670113099</v>
      </c>
      <c r="C110" s="75" t="s">
        <v>1528</v>
      </c>
      <c r="D110" s="63">
        <v>9300835</v>
      </c>
      <c r="E110" s="16" t="s">
        <v>2129</v>
      </c>
      <c r="F110" s="12" t="s">
        <v>1173</v>
      </c>
      <c r="G110" s="12" t="s">
        <v>118</v>
      </c>
      <c r="H110" s="12" t="s">
        <v>118</v>
      </c>
      <c r="I110" s="13"/>
      <c r="J110" s="12" t="s">
        <v>118</v>
      </c>
      <c r="K110" s="92" t="s">
        <v>1833</v>
      </c>
      <c r="L110" s="12" t="s">
        <v>2059</v>
      </c>
      <c r="M110" s="50">
        <v>41852</v>
      </c>
    </row>
    <row r="111" spans="1:14" ht="26.25" customHeight="1" x14ac:dyDescent="0.15">
      <c r="A111" s="55">
        <v>109</v>
      </c>
      <c r="B111" s="12">
        <v>1670115318</v>
      </c>
      <c r="C111" s="68" t="s">
        <v>1891</v>
      </c>
      <c r="D111" s="63">
        <v>9398252</v>
      </c>
      <c r="E111" s="16" t="s">
        <v>261</v>
      </c>
      <c r="F111" s="24" t="s">
        <v>814</v>
      </c>
      <c r="G111" s="12" t="s">
        <v>118</v>
      </c>
      <c r="H111" s="12" t="s">
        <v>118</v>
      </c>
      <c r="I111" s="24"/>
      <c r="J111" s="12" t="s">
        <v>118</v>
      </c>
      <c r="K111" s="24" t="s">
        <v>561</v>
      </c>
      <c r="L111" s="12" t="s">
        <v>290</v>
      </c>
      <c r="M111" s="109">
        <v>45047</v>
      </c>
    </row>
    <row r="112" spans="1:14" ht="26.25" customHeight="1" x14ac:dyDescent="0.15">
      <c r="A112" s="9">
        <v>110</v>
      </c>
      <c r="B112" s="61">
        <v>1670115409</v>
      </c>
      <c r="C112" s="76" t="s">
        <v>1166</v>
      </c>
      <c r="D112" s="61">
        <v>9318333</v>
      </c>
      <c r="E112" s="72" t="s">
        <v>652</v>
      </c>
      <c r="F112" s="92" t="s">
        <v>1905</v>
      </c>
      <c r="G112" s="61" t="s">
        <v>118</v>
      </c>
      <c r="H112" s="61" t="s">
        <v>118</v>
      </c>
      <c r="I112" s="92"/>
      <c r="J112" s="61" t="s">
        <v>118</v>
      </c>
      <c r="K112" s="92" t="s">
        <v>774</v>
      </c>
      <c r="L112" s="61" t="s">
        <v>1540</v>
      </c>
      <c r="M112" s="110">
        <v>45200</v>
      </c>
    </row>
    <row r="113" spans="1:14" ht="26.25" customHeight="1" x14ac:dyDescent="0.15">
      <c r="A113" s="55">
        <v>111</v>
      </c>
      <c r="B113" s="12">
        <v>1670115417</v>
      </c>
      <c r="C113" s="68" t="s">
        <v>1130</v>
      </c>
      <c r="D113" s="12">
        <v>9300816</v>
      </c>
      <c r="E113" s="16" t="s">
        <v>60</v>
      </c>
      <c r="F113" s="24" t="s">
        <v>1906</v>
      </c>
      <c r="G113" s="12" t="s">
        <v>118</v>
      </c>
      <c r="H113" s="12" t="s">
        <v>118</v>
      </c>
      <c r="I113" s="24"/>
      <c r="J113" s="12" t="s">
        <v>452</v>
      </c>
      <c r="K113" s="24" t="s">
        <v>1907</v>
      </c>
      <c r="L113" s="12" t="s">
        <v>1907</v>
      </c>
      <c r="M113" s="111">
        <v>45231</v>
      </c>
    </row>
    <row r="114" spans="1:14" ht="26.25" customHeight="1" x14ac:dyDescent="0.15">
      <c r="A114" s="9">
        <v>112</v>
      </c>
      <c r="B114" s="57">
        <v>1670115458</v>
      </c>
      <c r="C114" s="77" t="s">
        <v>1684</v>
      </c>
      <c r="D114" s="57">
        <v>9300832</v>
      </c>
      <c r="E114" s="91" t="s">
        <v>1924</v>
      </c>
      <c r="F114" s="93" t="s">
        <v>1906</v>
      </c>
      <c r="G114" s="12" t="s">
        <v>118</v>
      </c>
      <c r="H114" s="63" t="s">
        <v>118</v>
      </c>
      <c r="I114" s="94"/>
      <c r="J114" s="93" t="s">
        <v>452</v>
      </c>
      <c r="K114" s="93" t="s">
        <v>758</v>
      </c>
      <c r="L114" s="57" t="s">
        <v>914</v>
      </c>
      <c r="M114" s="109">
        <v>45352</v>
      </c>
    </row>
    <row r="115" spans="1:14" ht="26.25" customHeight="1" x14ac:dyDescent="0.15">
      <c r="A115" s="55">
        <v>113</v>
      </c>
      <c r="B115" s="63">
        <v>1670115466</v>
      </c>
      <c r="C115" s="16" t="s">
        <v>570</v>
      </c>
      <c r="D115" s="12">
        <v>9398006</v>
      </c>
      <c r="E115" s="16" t="s">
        <v>130</v>
      </c>
      <c r="F115" s="24" t="s">
        <v>324</v>
      </c>
      <c r="G115" s="24" t="s">
        <v>118</v>
      </c>
      <c r="H115" s="94" t="s">
        <v>118</v>
      </c>
      <c r="I115" s="93"/>
      <c r="J115" s="93" t="s">
        <v>118</v>
      </c>
      <c r="K115" s="12" t="s">
        <v>984</v>
      </c>
      <c r="L115" s="12" t="s">
        <v>1931</v>
      </c>
      <c r="M115" s="39">
        <v>45383</v>
      </c>
    </row>
    <row r="116" spans="1:14" ht="26.25" customHeight="1" x14ac:dyDescent="0.15">
      <c r="A116" s="9">
        <v>114</v>
      </c>
      <c r="B116" s="62">
        <v>1670115508</v>
      </c>
      <c r="C116" s="73" t="s">
        <v>2049</v>
      </c>
      <c r="D116" s="62">
        <v>9398272</v>
      </c>
      <c r="E116" s="73" t="s">
        <v>2050</v>
      </c>
      <c r="F116" s="62" t="s">
        <v>1264</v>
      </c>
      <c r="G116" s="66" t="s">
        <v>118</v>
      </c>
      <c r="H116" s="66" t="s">
        <v>118</v>
      </c>
      <c r="I116" s="56"/>
      <c r="J116" s="56" t="s">
        <v>118</v>
      </c>
      <c r="K116" s="62" t="s">
        <v>555</v>
      </c>
      <c r="L116" s="62" t="s">
        <v>2016</v>
      </c>
      <c r="M116" s="112">
        <v>45505</v>
      </c>
    </row>
    <row r="117" spans="1:14" ht="26.25" customHeight="1" x14ac:dyDescent="0.15">
      <c r="A117" s="55">
        <v>115</v>
      </c>
      <c r="B117" s="61">
        <v>1670115532</v>
      </c>
      <c r="C117" s="72" t="s">
        <v>2052</v>
      </c>
      <c r="D117" s="61">
        <v>9300815</v>
      </c>
      <c r="E117" s="72" t="s">
        <v>2053</v>
      </c>
      <c r="F117" s="61" t="s">
        <v>1173</v>
      </c>
      <c r="G117" s="61" t="s">
        <v>118</v>
      </c>
      <c r="H117" s="61" t="s">
        <v>118</v>
      </c>
      <c r="I117" s="61"/>
      <c r="J117" s="96" t="s">
        <v>452</v>
      </c>
      <c r="K117" s="61" t="s">
        <v>2054</v>
      </c>
      <c r="L117" s="61" t="s">
        <v>2054</v>
      </c>
      <c r="M117" s="113">
        <v>45597</v>
      </c>
    </row>
    <row r="118" spans="1:14" ht="26.25" customHeight="1" x14ac:dyDescent="0.15">
      <c r="A118" s="9">
        <v>116</v>
      </c>
      <c r="B118" s="12">
        <v>1670115557</v>
      </c>
      <c r="C118" s="16" t="s">
        <v>950</v>
      </c>
      <c r="D118" s="12">
        <v>9398015</v>
      </c>
      <c r="E118" s="16" t="s">
        <v>2130</v>
      </c>
      <c r="F118" s="12" t="s">
        <v>2057</v>
      </c>
      <c r="G118" s="12" t="s">
        <v>118</v>
      </c>
      <c r="H118" s="12" t="s">
        <v>118</v>
      </c>
      <c r="I118" s="12"/>
      <c r="J118" s="24" t="s">
        <v>118</v>
      </c>
      <c r="K118" s="12" t="s">
        <v>1679</v>
      </c>
      <c r="L118" s="12" t="s">
        <v>2058</v>
      </c>
      <c r="M118" s="39">
        <v>45627</v>
      </c>
    </row>
    <row r="119" spans="1:14" ht="26.25" customHeight="1" x14ac:dyDescent="0.15">
      <c r="A119" s="55">
        <v>117</v>
      </c>
      <c r="B119" s="13">
        <v>1670115565</v>
      </c>
      <c r="C119" s="17" t="s">
        <v>2060</v>
      </c>
      <c r="D119" s="13">
        <v>9393502</v>
      </c>
      <c r="E119" s="17" t="s">
        <v>1054</v>
      </c>
      <c r="F119" s="13" t="s">
        <v>1421</v>
      </c>
      <c r="G119" s="13" t="s">
        <v>118</v>
      </c>
      <c r="H119" s="13" t="s">
        <v>118</v>
      </c>
      <c r="I119" s="13"/>
      <c r="J119" s="25" t="s">
        <v>118</v>
      </c>
      <c r="K119" s="13" t="s">
        <v>2062</v>
      </c>
      <c r="L119" s="13" t="s">
        <v>2061</v>
      </c>
      <c r="M119" s="50">
        <v>45658</v>
      </c>
    </row>
    <row r="120" spans="1:14" ht="26.25" customHeight="1" x14ac:dyDescent="0.15">
      <c r="A120" s="9">
        <v>118</v>
      </c>
      <c r="B120" s="64">
        <v>1670115573</v>
      </c>
      <c r="C120" s="78" t="s">
        <v>2073</v>
      </c>
      <c r="D120" s="64">
        <v>9398075</v>
      </c>
      <c r="E120" s="78" t="s">
        <v>2131</v>
      </c>
      <c r="F120" s="64" t="s">
        <v>1157</v>
      </c>
      <c r="G120" s="64" t="s">
        <v>118</v>
      </c>
      <c r="H120" s="64" t="s">
        <v>118</v>
      </c>
      <c r="I120" s="64"/>
      <c r="J120" s="38" t="s">
        <v>118</v>
      </c>
      <c r="K120" s="64" t="s">
        <v>2066</v>
      </c>
      <c r="L120" s="64" t="s">
        <v>2067</v>
      </c>
      <c r="M120" s="114">
        <v>45658</v>
      </c>
      <c r="N120" s="36"/>
    </row>
    <row r="121" spans="1:14" ht="26.25" customHeight="1" x14ac:dyDescent="0.15">
      <c r="A121" s="55">
        <v>119</v>
      </c>
      <c r="B121" s="62">
        <v>1670115227</v>
      </c>
      <c r="C121" s="73" t="s">
        <v>2084</v>
      </c>
      <c r="D121" s="62">
        <v>9300953</v>
      </c>
      <c r="E121" s="73" t="s">
        <v>2086</v>
      </c>
      <c r="F121" s="62" t="s">
        <v>983</v>
      </c>
      <c r="G121" s="62" t="s">
        <v>118</v>
      </c>
      <c r="H121" s="62" t="s">
        <v>118</v>
      </c>
      <c r="I121" s="62"/>
      <c r="J121" s="66" t="s">
        <v>118</v>
      </c>
      <c r="K121" s="62" t="s">
        <v>1092</v>
      </c>
      <c r="L121" s="62" t="s">
        <v>2088</v>
      </c>
      <c r="M121" s="112">
        <v>44835</v>
      </c>
    </row>
    <row r="122" spans="1:14" ht="26.25" customHeight="1" x14ac:dyDescent="0.15">
      <c r="A122" s="9">
        <v>120</v>
      </c>
      <c r="B122" s="62">
        <v>1670112513</v>
      </c>
      <c r="C122" s="73" t="s">
        <v>2085</v>
      </c>
      <c r="D122" s="62">
        <v>9398251</v>
      </c>
      <c r="E122" s="73" t="s">
        <v>2087</v>
      </c>
      <c r="F122" s="62" t="s">
        <v>814</v>
      </c>
      <c r="G122" s="62" t="s">
        <v>118</v>
      </c>
      <c r="H122" s="62" t="s">
        <v>118</v>
      </c>
      <c r="I122" s="62"/>
      <c r="J122" s="66" t="s">
        <v>118</v>
      </c>
      <c r="K122" s="62" t="s">
        <v>1257</v>
      </c>
      <c r="L122" s="62" t="s">
        <v>2089</v>
      </c>
      <c r="M122" s="112">
        <v>41487</v>
      </c>
    </row>
    <row r="123" spans="1:14" ht="26.25" customHeight="1" x14ac:dyDescent="0.15">
      <c r="A123" s="55">
        <v>121</v>
      </c>
      <c r="B123" s="62">
        <v>1670115599</v>
      </c>
      <c r="C123" s="73" t="s">
        <v>2090</v>
      </c>
      <c r="D123" s="62">
        <v>9398213</v>
      </c>
      <c r="E123" s="73" t="s">
        <v>2132</v>
      </c>
      <c r="F123" s="62" t="s">
        <v>46</v>
      </c>
      <c r="G123" s="62" t="s">
        <v>118</v>
      </c>
      <c r="H123" s="62" t="s">
        <v>118</v>
      </c>
      <c r="I123" s="62"/>
      <c r="J123" s="66" t="s">
        <v>118</v>
      </c>
      <c r="K123" s="62" t="s">
        <v>2092</v>
      </c>
      <c r="L123" s="62" t="s">
        <v>2091</v>
      </c>
      <c r="M123" s="112">
        <v>45717</v>
      </c>
    </row>
    <row r="124" spans="1:14" ht="26.25" customHeight="1" x14ac:dyDescent="0.15">
      <c r="A124" s="9">
        <v>122</v>
      </c>
      <c r="B124" s="62">
        <v>1670115623</v>
      </c>
      <c r="C124" s="73" t="s">
        <v>2107</v>
      </c>
      <c r="D124" s="62">
        <v>9318332</v>
      </c>
      <c r="E124" s="73" t="s">
        <v>420</v>
      </c>
      <c r="F124" s="62" t="s">
        <v>1905</v>
      </c>
      <c r="G124" s="62" t="s">
        <v>118</v>
      </c>
      <c r="H124" s="62" t="s">
        <v>118</v>
      </c>
      <c r="I124" s="62"/>
      <c r="J124" s="66" t="s">
        <v>118</v>
      </c>
      <c r="K124" s="62" t="s">
        <v>2102</v>
      </c>
      <c r="L124" s="62" t="s">
        <v>2102</v>
      </c>
      <c r="M124" s="112">
        <v>45748</v>
      </c>
    </row>
    <row r="125" spans="1:14" ht="26.25" customHeight="1" x14ac:dyDescent="0.15">
      <c r="A125" s="55">
        <v>123</v>
      </c>
      <c r="B125" s="62">
        <v>1670115615</v>
      </c>
      <c r="C125" s="73" t="s">
        <v>1978</v>
      </c>
      <c r="D125" s="62">
        <v>9300846</v>
      </c>
      <c r="E125" s="73" t="s">
        <v>1218</v>
      </c>
      <c r="F125" s="62" t="s">
        <v>1075</v>
      </c>
      <c r="G125" s="62" t="s">
        <v>118</v>
      </c>
      <c r="H125" s="62" t="s">
        <v>118</v>
      </c>
      <c r="I125" s="62"/>
      <c r="J125" s="56" t="s">
        <v>452</v>
      </c>
      <c r="K125" s="62" t="s">
        <v>2096</v>
      </c>
      <c r="L125" s="62" t="s">
        <v>2097</v>
      </c>
      <c r="M125" s="112">
        <v>45748</v>
      </c>
    </row>
    <row r="126" spans="1:14" ht="26.25" customHeight="1" x14ac:dyDescent="0.15">
      <c r="A126" s="55">
        <v>124</v>
      </c>
      <c r="B126" s="12">
        <v>1670115664</v>
      </c>
      <c r="C126" s="16" t="s">
        <v>2114</v>
      </c>
      <c r="D126" s="12">
        <v>9300812</v>
      </c>
      <c r="E126" s="16" t="s">
        <v>1934</v>
      </c>
      <c r="F126" s="12" t="s">
        <v>1913</v>
      </c>
      <c r="G126" s="12" t="s">
        <v>118</v>
      </c>
      <c r="H126" s="12" t="s">
        <v>118</v>
      </c>
      <c r="I126" s="12"/>
      <c r="J126" s="24" t="s">
        <v>118</v>
      </c>
      <c r="K126" s="12" t="s">
        <v>996</v>
      </c>
      <c r="L126" s="12" t="s">
        <v>1427</v>
      </c>
      <c r="M126" s="39">
        <v>45778</v>
      </c>
    </row>
    <row r="127" spans="1:14" ht="26.25" customHeight="1" x14ac:dyDescent="0.15">
      <c r="A127" s="9">
        <v>125</v>
      </c>
      <c r="B127" s="13">
        <v>1670115672</v>
      </c>
      <c r="C127" s="17" t="s">
        <v>2115</v>
      </c>
      <c r="D127" s="13">
        <v>9300821</v>
      </c>
      <c r="E127" s="17" t="s">
        <v>494</v>
      </c>
      <c r="F127" s="13" t="s">
        <v>245</v>
      </c>
      <c r="G127" s="13" t="s">
        <v>118</v>
      </c>
      <c r="H127" s="13" t="s">
        <v>118</v>
      </c>
      <c r="I127" s="13"/>
      <c r="J127" s="25" t="s">
        <v>118</v>
      </c>
      <c r="K127" s="13" t="s">
        <v>2116</v>
      </c>
      <c r="L127" s="13" t="s">
        <v>1997</v>
      </c>
      <c r="M127" s="50">
        <v>45778</v>
      </c>
    </row>
    <row r="128" spans="1:14" ht="26.25" customHeight="1" x14ac:dyDescent="0.15">
      <c r="A128" s="55">
        <v>126</v>
      </c>
      <c r="B128" s="13">
        <v>1670115748</v>
      </c>
      <c r="C128" s="17" t="s">
        <v>2143</v>
      </c>
      <c r="D128" s="13">
        <v>9300953</v>
      </c>
      <c r="E128" s="17" t="s">
        <v>2145</v>
      </c>
      <c r="F128" s="13" t="s">
        <v>983</v>
      </c>
      <c r="G128" s="13" t="s">
        <v>118</v>
      </c>
      <c r="H128" s="13"/>
      <c r="I128" s="13"/>
      <c r="J128" s="25"/>
      <c r="K128" s="13" t="s">
        <v>578</v>
      </c>
      <c r="L128" s="13" t="s">
        <v>2146</v>
      </c>
      <c r="M128" s="50">
        <v>45870</v>
      </c>
    </row>
    <row r="129" spans="1:13" ht="26.25" customHeight="1" x14ac:dyDescent="0.15">
      <c r="A129" s="55">
        <v>127</v>
      </c>
      <c r="B129" s="13">
        <v>1670115730</v>
      </c>
      <c r="C129" s="17" t="s">
        <v>2142</v>
      </c>
      <c r="D129" s="13">
        <v>9318403</v>
      </c>
      <c r="E129" s="17" t="s">
        <v>2144</v>
      </c>
      <c r="F129" s="13" t="s">
        <v>1610</v>
      </c>
      <c r="G129" s="13" t="s">
        <v>118</v>
      </c>
      <c r="H129" s="13" t="s">
        <v>118</v>
      </c>
      <c r="I129" s="13"/>
      <c r="J129" s="25" t="s">
        <v>118</v>
      </c>
      <c r="K129" s="13" t="s">
        <v>92</v>
      </c>
      <c r="L129" s="13" t="s">
        <v>920</v>
      </c>
      <c r="M129" s="50">
        <v>45870</v>
      </c>
    </row>
    <row r="130" spans="1:13" ht="26.25" customHeight="1" x14ac:dyDescent="0.15">
      <c r="A130" s="9">
        <v>128</v>
      </c>
      <c r="B130" s="65">
        <v>1670115763</v>
      </c>
      <c r="C130" s="78" t="s">
        <v>2158</v>
      </c>
      <c r="D130" s="12">
        <v>9392713</v>
      </c>
      <c r="E130" s="16" t="s">
        <v>743</v>
      </c>
      <c r="F130" s="12" t="s">
        <v>1161</v>
      </c>
      <c r="G130" s="12" t="s">
        <v>118</v>
      </c>
      <c r="H130" s="12" t="s">
        <v>118</v>
      </c>
      <c r="I130" s="12"/>
      <c r="J130" s="24" t="s">
        <v>118</v>
      </c>
      <c r="K130" s="12" t="s">
        <v>2111</v>
      </c>
      <c r="L130" s="12" t="s">
        <v>1585</v>
      </c>
      <c r="M130" s="39">
        <v>45901</v>
      </c>
    </row>
    <row r="131" spans="1:13" ht="26.25" customHeight="1" x14ac:dyDescent="0.15">
      <c r="A131" s="55">
        <v>129</v>
      </c>
      <c r="B131" s="65">
        <v>1670115771</v>
      </c>
      <c r="C131" s="78" t="s">
        <v>2159</v>
      </c>
      <c r="D131" s="62">
        <v>9398264</v>
      </c>
      <c r="E131" s="73" t="s">
        <v>2108</v>
      </c>
      <c r="F131" s="62" t="s">
        <v>748</v>
      </c>
      <c r="G131" s="62" t="s">
        <v>118</v>
      </c>
      <c r="H131" s="62" t="s">
        <v>118</v>
      </c>
      <c r="I131" s="62"/>
      <c r="J131" s="66" t="s">
        <v>118</v>
      </c>
      <c r="K131" s="62" t="s">
        <v>2110</v>
      </c>
      <c r="L131" s="62" t="s">
        <v>2109</v>
      </c>
      <c r="M131" s="112">
        <v>45901</v>
      </c>
    </row>
    <row r="132" spans="1:13" ht="26.25" customHeight="1" x14ac:dyDescent="0.15">
      <c r="A132" s="55">
        <v>130</v>
      </c>
      <c r="B132" s="65">
        <v>1670115789</v>
      </c>
      <c r="C132" s="78" t="s">
        <v>2160</v>
      </c>
      <c r="D132" s="12">
        <v>9300952</v>
      </c>
      <c r="E132" s="16" t="s">
        <v>133</v>
      </c>
      <c r="F132" s="12" t="s">
        <v>2057</v>
      </c>
      <c r="G132" s="12" t="s">
        <v>118</v>
      </c>
      <c r="H132" s="12" t="s">
        <v>118</v>
      </c>
      <c r="I132" s="12"/>
      <c r="J132" s="24" t="s">
        <v>118</v>
      </c>
      <c r="K132" s="12" t="s">
        <v>2099</v>
      </c>
      <c r="L132" s="12" t="s">
        <v>2100</v>
      </c>
      <c r="M132" s="112">
        <v>45901</v>
      </c>
    </row>
    <row r="133" spans="1:13" ht="26.25" customHeight="1" x14ac:dyDescent="0.15">
      <c r="A133" s="9">
        <v>131</v>
      </c>
      <c r="B133" s="13">
        <v>1670115797</v>
      </c>
      <c r="C133" s="17" t="s">
        <v>2153</v>
      </c>
      <c r="D133" s="13">
        <v>9392253</v>
      </c>
      <c r="E133" s="17" t="s">
        <v>1948</v>
      </c>
      <c r="F133" s="13" t="s">
        <v>620</v>
      </c>
      <c r="G133" s="13" t="s">
        <v>118</v>
      </c>
      <c r="H133" s="13" t="s">
        <v>118</v>
      </c>
      <c r="I133" s="13"/>
      <c r="J133" s="25"/>
      <c r="K133" s="13" t="s">
        <v>1085</v>
      </c>
      <c r="L133" s="13"/>
      <c r="M133" s="50">
        <v>45901</v>
      </c>
    </row>
    <row r="134" spans="1:13" ht="26.25" customHeight="1" x14ac:dyDescent="0.15">
      <c r="A134" s="10">
        <v>132</v>
      </c>
      <c r="B134" s="19">
        <v>1670115805</v>
      </c>
      <c r="C134" s="15" t="s">
        <v>1817</v>
      </c>
      <c r="D134" s="19">
        <v>9398093</v>
      </c>
      <c r="E134" s="15" t="s">
        <v>2027</v>
      </c>
      <c r="F134" s="19" t="s">
        <v>1157</v>
      </c>
      <c r="G134" s="19" t="s">
        <v>118</v>
      </c>
      <c r="H134" s="19" t="s">
        <v>118</v>
      </c>
      <c r="I134" s="19" t="s">
        <v>118</v>
      </c>
      <c r="J134" s="26" t="s">
        <v>118</v>
      </c>
      <c r="K134" s="19" t="s">
        <v>2155</v>
      </c>
      <c r="L134" s="19" t="s">
        <v>2154</v>
      </c>
      <c r="M134" s="40">
        <v>45931</v>
      </c>
    </row>
  </sheetData>
  <mergeCells count="11">
    <mergeCell ref="J1:J2"/>
    <mergeCell ref="K1:K2"/>
    <mergeCell ref="L1:L2"/>
    <mergeCell ref="M1:M2"/>
    <mergeCell ref="G1:I1"/>
    <mergeCell ref="A1:A2"/>
    <mergeCell ref="B1:B2"/>
    <mergeCell ref="C1:C2"/>
    <mergeCell ref="D1:D2"/>
    <mergeCell ref="E1:E2"/>
    <mergeCell ref="F1:F2"/>
  </mergeCells>
  <phoneticPr fontId="5"/>
  <hyperlinks>
    <hyperlink ref="L88" r:id="rId1" xr:uid="{00000000-0004-0000-0400-000000000000}"/>
  </hyperlinks>
  <printOptions horizontalCentered="1" gridLines="1"/>
  <pageMargins left="0.59055118110236227" right="0.39370078740157483" top="0.74803149606299213" bottom="0.59055118110236227" header="0.31496062992125984" footer="0.19685039370078741"/>
  <pageSetup paperSize="9" scale="63" fitToHeight="0" orientation="landscape" r:id="rId2"/>
  <headerFooter alignWithMargins="0">
    <oddHeader>&amp;C&amp;14訪問介護事業所一覧</oddHeader>
    <oddFooter>&amp;C&amp;P&amp;R(&amp;A)</oddFooter>
  </headerFooter>
  <ignoredErrors>
    <ignoredError sqref="B54:B56 D55" numberStoredAsText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10">
    <tabColor theme="9"/>
  </sheetPr>
  <dimension ref="A1:K4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0.625" style="54" customWidth="1"/>
    <col min="4" max="4" width="10.625" style="1" customWidth="1"/>
    <col min="5" max="5" width="32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8"/>
      <c r="B1" s="11" t="s">
        <v>285</v>
      </c>
      <c r="C1" s="11" t="s">
        <v>530</v>
      </c>
      <c r="D1" s="38" t="s">
        <v>1866</v>
      </c>
      <c r="E1" s="11" t="s">
        <v>830</v>
      </c>
      <c r="F1" s="11" t="s">
        <v>1155</v>
      </c>
      <c r="G1" s="11" t="s">
        <v>406</v>
      </c>
      <c r="H1" s="11" t="s">
        <v>772</v>
      </c>
      <c r="I1" s="11" t="s">
        <v>832</v>
      </c>
      <c r="J1" s="11" t="s">
        <v>835</v>
      </c>
      <c r="K1" s="29" t="s">
        <v>182</v>
      </c>
    </row>
    <row r="2" spans="1:11" ht="26.25" customHeight="1" x14ac:dyDescent="0.15">
      <c r="A2" s="9">
        <v>1</v>
      </c>
      <c r="B2" s="12">
        <v>1670103413</v>
      </c>
      <c r="C2" s="67" t="s">
        <v>637</v>
      </c>
      <c r="D2" s="12">
        <v>9398073</v>
      </c>
      <c r="E2" s="16" t="s">
        <v>517</v>
      </c>
      <c r="F2" s="24" t="s">
        <v>1157</v>
      </c>
      <c r="G2" s="12" t="s">
        <v>118</v>
      </c>
      <c r="H2" s="12" t="s">
        <v>118</v>
      </c>
      <c r="I2" s="12" t="s">
        <v>519</v>
      </c>
      <c r="J2" s="12" t="s">
        <v>244</v>
      </c>
      <c r="K2" s="39">
        <v>38657</v>
      </c>
    </row>
    <row r="3" spans="1:11" ht="26.25" customHeight="1" x14ac:dyDescent="0.15">
      <c r="A3" s="9">
        <v>2</v>
      </c>
      <c r="B3" s="12">
        <v>1670113347</v>
      </c>
      <c r="C3" s="67" t="s">
        <v>1342</v>
      </c>
      <c r="D3" s="12">
        <v>9398213</v>
      </c>
      <c r="E3" s="16" t="s">
        <v>1753</v>
      </c>
      <c r="F3" s="24" t="s">
        <v>1264</v>
      </c>
      <c r="G3" s="12" t="s">
        <v>118</v>
      </c>
      <c r="H3" s="12" t="s">
        <v>118</v>
      </c>
      <c r="I3" s="12" t="s">
        <v>1057</v>
      </c>
      <c r="J3" s="12" t="s">
        <v>1344</v>
      </c>
      <c r="K3" s="39">
        <v>42095</v>
      </c>
    </row>
    <row r="4" spans="1:11" ht="26.25" customHeight="1" x14ac:dyDescent="0.15">
      <c r="A4" s="10">
        <v>3</v>
      </c>
      <c r="B4" s="19">
        <v>1670115607</v>
      </c>
      <c r="C4" s="116" t="s">
        <v>1494</v>
      </c>
      <c r="D4" s="19">
        <v>9398073</v>
      </c>
      <c r="E4" s="15" t="s">
        <v>435</v>
      </c>
      <c r="F4" s="26" t="s">
        <v>1157</v>
      </c>
      <c r="G4" s="19" t="s">
        <v>118</v>
      </c>
      <c r="H4" s="19" t="s">
        <v>118</v>
      </c>
      <c r="I4" s="19" t="s">
        <v>124</v>
      </c>
      <c r="J4" s="19" t="s">
        <v>2128</v>
      </c>
      <c r="K4" s="40">
        <v>45748</v>
      </c>
    </row>
  </sheetData>
  <phoneticPr fontId="5"/>
  <printOptions horizontalCentered="1" gridLines="1"/>
  <pageMargins left="0.59055118110236227" right="0.39370078740157483" top="0.78740157480314965" bottom="0.59055118110236227" header="0.51181102362204722" footer="0.19685039370078741"/>
  <pageSetup paperSize="9" scale="80" orientation="landscape" r:id="rId1"/>
  <headerFooter alignWithMargins="0">
    <oddHeader>&amp;C&amp;14訪問入浴介護事業所一覧</oddHeader>
    <oddFooter>&amp;C&amp;P&amp;R(&amp;A)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9"/>
  </sheetPr>
  <dimension ref="A1:HZ57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17" customWidth="1"/>
    <col min="2" max="2" width="14.625" style="1" customWidth="1"/>
    <col min="3" max="3" width="47.625" style="1" customWidth="1"/>
    <col min="4" max="4" width="10.625" style="44" customWidth="1"/>
    <col min="5" max="5" width="42.625" style="54" customWidth="1"/>
    <col min="6" max="6" width="10.625" style="1" customWidth="1"/>
    <col min="7" max="8" width="9.625" style="44" customWidth="1"/>
    <col min="9" max="10" width="15.625" style="1" customWidth="1"/>
    <col min="11" max="11" width="9.625" style="1" customWidth="1"/>
    <col min="12" max="16384" width="9" style="1"/>
  </cols>
  <sheetData>
    <row r="1" spans="1:234" ht="36.950000000000003" customHeight="1" x14ac:dyDescent="0.15">
      <c r="A1" s="119"/>
      <c r="B1" s="120" t="s">
        <v>285</v>
      </c>
      <c r="C1" s="120" t="s">
        <v>1259</v>
      </c>
      <c r="D1" s="38" t="s">
        <v>1866</v>
      </c>
      <c r="E1" s="125" t="s">
        <v>184</v>
      </c>
      <c r="F1" s="38" t="s">
        <v>1242</v>
      </c>
      <c r="G1" s="38" t="s">
        <v>406</v>
      </c>
      <c r="H1" s="38" t="s">
        <v>772</v>
      </c>
      <c r="I1" s="38" t="s">
        <v>832</v>
      </c>
      <c r="J1" s="120" t="s">
        <v>1726</v>
      </c>
      <c r="K1" s="132" t="s">
        <v>2149</v>
      </c>
    </row>
    <row r="2" spans="1:234" ht="26.25" customHeight="1" x14ac:dyDescent="0.15">
      <c r="A2" s="119">
        <v>1</v>
      </c>
      <c r="B2" s="120">
        <v>1660190032</v>
      </c>
      <c r="C2" s="121" t="s">
        <v>1794</v>
      </c>
      <c r="D2" s="64">
        <v>9300859</v>
      </c>
      <c r="E2" s="126" t="s">
        <v>1798</v>
      </c>
      <c r="F2" s="38" t="s">
        <v>1470</v>
      </c>
      <c r="G2" s="38" t="s">
        <v>118</v>
      </c>
      <c r="H2" s="38" t="s">
        <v>118</v>
      </c>
      <c r="I2" s="120" t="s">
        <v>1712</v>
      </c>
      <c r="J2" s="120" t="s">
        <v>1705</v>
      </c>
      <c r="K2" s="133">
        <v>36617</v>
      </c>
    </row>
    <row r="3" spans="1:234" ht="26.25" customHeight="1" x14ac:dyDescent="0.15">
      <c r="A3" s="119">
        <v>2</v>
      </c>
      <c r="B3" s="120">
        <v>1660190065</v>
      </c>
      <c r="C3" s="121" t="s">
        <v>1230</v>
      </c>
      <c r="D3" s="64">
        <v>9398194</v>
      </c>
      <c r="E3" s="126" t="s">
        <v>1526</v>
      </c>
      <c r="F3" s="38" t="s">
        <v>1165</v>
      </c>
      <c r="G3" s="38" t="s">
        <v>118</v>
      </c>
      <c r="H3" s="38" t="s">
        <v>118</v>
      </c>
      <c r="I3" s="120" t="s">
        <v>1801</v>
      </c>
      <c r="J3" s="120" t="s">
        <v>756</v>
      </c>
      <c r="K3" s="133">
        <v>36617</v>
      </c>
    </row>
    <row r="4" spans="1:234" ht="26.25" customHeight="1" x14ac:dyDescent="0.15">
      <c r="A4" s="119">
        <v>3</v>
      </c>
      <c r="B4" s="120">
        <v>1660190081</v>
      </c>
      <c r="C4" s="121" t="s">
        <v>1795</v>
      </c>
      <c r="D4" s="64">
        <v>9300885</v>
      </c>
      <c r="E4" s="126" t="s">
        <v>1718</v>
      </c>
      <c r="F4" s="38" t="s">
        <v>1524</v>
      </c>
      <c r="G4" s="38" t="s">
        <v>118</v>
      </c>
      <c r="H4" s="38" t="s">
        <v>118</v>
      </c>
      <c r="I4" s="120" t="s">
        <v>818</v>
      </c>
      <c r="J4" s="120" t="s">
        <v>1044</v>
      </c>
      <c r="K4" s="133">
        <v>36617</v>
      </c>
    </row>
    <row r="5" spans="1:234" ht="26.25" customHeight="1" x14ac:dyDescent="0.15">
      <c r="A5" s="119">
        <v>4</v>
      </c>
      <c r="B5" s="120">
        <v>1660190107</v>
      </c>
      <c r="C5" s="121" t="s">
        <v>1796</v>
      </c>
      <c r="D5" s="64">
        <v>9300016</v>
      </c>
      <c r="E5" s="126" t="s">
        <v>1131</v>
      </c>
      <c r="F5" s="38" t="s">
        <v>1174</v>
      </c>
      <c r="G5" s="38" t="s">
        <v>118</v>
      </c>
      <c r="H5" s="38" t="s">
        <v>118</v>
      </c>
      <c r="I5" s="120" t="s">
        <v>1803</v>
      </c>
      <c r="J5" s="120" t="s">
        <v>606</v>
      </c>
      <c r="K5" s="133">
        <v>36617</v>
      </c>
    </row>
    <row r="6" spans="1:234" ht="26.25" customHeight="1" x14ac:dyDescent="0.15">
      <c r="A6" s="119">
        <v>5</v>
      </c>
      <c r="B6" s="120">
        <v>1661590008</v>
      </c>
      <c r="C6" s="121" t="s">
        <v>1797</v>
      </c>
      <c r="D6" s="64">
        <v>9392256</v>
      </c>
      <c r="E6" s="126" t="s">
        <v>1312</v>
      </c>
      <c r="F6" s="38" t="s">
        <v>948</v>
      </c>
      <c r="G6" s="38" t="s">
        <v>118</v>
      </c>
      <c r="H6" s="38" t="s">
        <v>118</v>
      </c>
      <c r="I6" s="120" t="s">
        <v>734</v>
      </c>
      <c r="J6" s="120" t="s">
        <v>1802</v>
      </c>
      <c r="K6" s="133">
        <v>36617</v>
      </c>
    </row>
    <row r="7" spans="1:234" ht="26.25" customHeight="1" x14ac:dyDescent="0.15">
      <c r="A7" s="119">
        <v>6</v>
      </c>
      <c r="B7" s="120">
        <v>1660190131</v>
      </c>
      <c r="C7" s="122" t="s">
        <v>827</v>
      </c>
      <c r="D7" s="120">
        <v>9300036</v>
      </c>
      <c r="E7" s="127" t="s">
        <v>1649</v>
      </c>
      <c r="F7" s="64" t="s">
        <v>442</v>
      </c>
      <c r="G7" s="64" t="s">
        <v>118</v>
      </c>
      <c r="H7" s="64" t="s">
        <v>118</v>
      </c>
      <c r="I7" s="120" t="s">
        <v>1083</v>
      </c>
      <c r="J7" s="120" t="s">
        <v>611</v>
      </c>
      <c r="K7" s="134">
        <v>38384</v>
      </c>
    </row>
    <row r="8" spans="1:234" ht="26.25" customHeight="1" x14ac:dyDescent="0.15">
      <c r="A8" s="119">
        <v>7</v>
      </c>
      <c r="B8" s="120">
        <v>1660190180</v>
      </c>
      <c r="C8" s="122" t="s">
        <v>1065</v>
      </c>
      <c r="D8" s="120">
        <v>9300138</v>
      </c>
      <c r="E8" s="127" t="s">
        <v>1608</v>
      </c>
      <c r="F8" s="64" t="s">
        <v>1128</v>
      </c>
      <c r="G8" s="64" t="s">
        <v>118</v>
      </c>
      <c r="H8" s="64" t="s">
        <v>118</v>
      </c>
      <c r="I8" s="120" t="s">
        <v>1644</v>
      </c>
      <c r="J8" s="120" t="s">
        <v>534</v>
      </c>
      <c r="K8" s="134">
        <v>41030</v>
      </c>
    </row>
    <row r="9" spans="1:234" ht="26.25" customHeight="1" x14ac:dyDescent="0.15">
      <c r="A9" s="119">
        <v>8</v>
      </c>
      <c r="B9" s="120">
        <v>1660190198</v>
      </c>
      <c r="C9" s="122" t="s">
        <v>1768</v>
      </c>
      <c r="D9" s="120">
        <v>9318336</v>
      </c>
      <c r="E9" s="127" t="s">
        <v>1792</v>
      </c>
      <c r="F9" s="64" t="s">
        <v>1418</v>
      </c>
      <c r="G9" s="64" t="s">
        <v>118</v>
      </c>
      <c r="H9" s="64" t="s">
        <v>118</v>
      </c>
      <c r="I9" s="120" t="s">
        <v>1323</v>
      </c>
      <c r="J9" s="120" t="s">
        <v>1778</v>
      </c>
      <c r="K9" s="134">
        <v>41061</v>
      </c>
    </row>
    <row r="10" spans="1:234" ht="26.25" customHeight="1" x14ac:dyDescent="0.15">
      <c r="A10" s="119">
        <v>9</v>
      </c>
      <c r="B10" s="120">
        <v>1660190206</v>
      </c>
      <c r="C10" s="122" t="s">
        <v>1651</v>
      </c>
      <c r="D10" s="120">
        <v>9300936</v>
      </c>
      <c r="E10" s="127" t="s">
        <v>477</v>
      </c>
      <c r="F10" s="64" t="s">
        <v>15</v>
      </c>
      <c r="G10" s="64" t="s">
        <v>118</v>
      </c>
      <c r="H10" s="64" t="s">
        <v>118</v>
      </c>
      <c r="I10" s="120" t="s">
        <v>919</v>
      </c>
      <c r="J10" s="64" t="s">
        <v>1782</v>
      </c>
      <c r="K10" s="134">
        <v>41061</v>
      </c>
    </row>
    <row r="11" spans="1:234" ht="26.25" customHeight="1" x14ac:dyDescent="0.15">
      <c r="A11" s="119">
        <v>10</v>
      </c>
      <c r="B11" s="120">
        <v>1660190222</v>
      </c>
      <c r="C11" s="122" t="s">
        <v>294</v>
      </c>
      <c r="D11" s="120">
        <v>9398082</v>
      </c>
      <c r="E11" s="127" t="s">
        <v>1652</v>
      </c>
      <c r="F11" s="64" t="s">
        <v>1157</v>
      </c>
      <c r="G11" s="64" t="s">
        <v>118</v>
      </c>
      <c r="H11" s="64" t="s">
        <v>118</v>
      </c>
      <c r="I11" s="120" t="s">
        <v>1645</v>
      </c>
      <c r="J11" s="64" t="s">
        <v>1763</v>
      </c>
      <c r="K11" s="134">
        <v>41365</v>
      </c>
    </row>
    <row r="12" spans="1:234" ht="26.25" customHeight="1" x14ac:dyDescent="0.15">
      <c r="A12" s="119">
        <v>11</v>
      </c>
      <c r="B12" s="120">
        <v>1660190230</v>
      </c>
      <c r="C12" s="122" t="s">
        <v>1277</v>
      </c>
      <c r="D12" s="120">
        <v>9300887</v>
      </c>
      <c r="E12" s="127" t="s">
        <v>1653</v>
      </c>
      <c r="F12" s="64" t="s">
        <v>1352</v>
      </c>
      <c r="G12" s="64" t="s">
        <v>118</v>
      </c>
      <c r="H12" s="64" t="s">
        <v>118</v>
      </c>
      <c r="I12" s="120" t="s">
        <v>1067</v>
      </c>
      <c r="J12" s="120" t="s">
        <v>744</v>
      </c>
      <c r="K12" s="134">
        <v>41640</v>
      </c>
    </row>
    <row r="13" spans="1:234" ht="26.25" customHeight="1" x14ac:dyDescent="0.15">
      <c r="A13" s="119">
        <v>12</v>
      </c>
      <c r="B13" s="64">
        <v>1660190248</v>
      </c>
      <c r="C13" s="78" t="s">
        <v>487</v>
      </c>
      <c r="D13" s="64">
        <v>9392716</v>
      </c>
      <c r="E13" s="123" t="s">
        <v>2063</v>
      </c>
      <c r="F13" s="64" t="s">
        <v>1754</v>
      </c>
      <c r="G13" s="64" t="s">
        <v>118</v>
      </c>
      <c r="H13" s="64" t="s">
        <v>118</v>
      </c>
      <c r="I13" s="64" t="s">
        <v>686</v>
      </c>
      <c r="J13" s="64" t="s">
        <v>178</v>
      </c>
      <c r="K13" s="134">
        <v>41730</v>
      </c>
    </row>
    <row r="14" spans="1:234" ht="26.25" customHeight="1" x14ac:dyDescent="0.15">
      <c r="A14" s="119">
        <v>13</v>
      </c>
      <c r="B14" s="120">
        <v>1660190271</v>
      </c>
      <c r="C14" s="78" t="s">
        <v>72</v>
      </c>
      <c r="D14" s="124">
        <v>9392252</v>
      </c>
      <c r="E14" s="128" t="s">
        <v>1456</v>
      </c>
      <c r="F14" s="64" t="s">
        <v>620</v>
      </c>
      <c r="G14" s="64" t="s">
        <v>118</v>
      </c>
      <c r="H14" s="64" t="s">
        <v>118</v>
      </c>
      <c r="I14" s="64" t="s">
        <v>1646</v>
      </c>
      <c r="J14" s="64" t="s">
        <v>1688</v>
      </c>
      <c r="K14" s="134">
        <v>41730</v>
      </c>
    </row>
    <row r="15" spans="1:234" s="118" customFormat="1" ht="26.25" customHeight="1" x14ac:dyDescent="0.15">
      <c r="A15" s="119">
        <v>14</v>
      </c>
      <c r="B15" s="120">
        <v>1660190255</v>
      </c>
      <c r="C15" s="78" t="s">
        <v>1119</v>
      </c>
      <c r="D15" s="120">
        <v>9398216</v>
      </c>
      <c r="E15" s="123" t="s">
        <v>1654</v>
      </c>
      <c r="F15" s="64" t="s">
        <v>1347</v>
      </c>
      <c r="G15" s="64" t="s">
        <v>118</v>
      </c>
      <c r="H15" s="64" t="s">
        <v>118</v>
      </c>
      <c r="I15" s="64" t="s">
        <v>664</v>
      </c>
      <c r="J15" s="64" t="s">
        <v>1634</v>
      </c>
      <c r="K15" s="134">
        <v>41852</v>
      </c>
      <c r="L15"/>
      <c r="M15"/>
      <c r="N15"/>
      <c r="O15"/>
      <c r="P15"/>
      <c r="Q15"/>
      <c r="R15"/>
      <c r="S15"/>
      <c r="T15"/>
      <c r="U15"/>
      <c r="V15"/>
      <c r="W15"/>
      <c r="X15"/>
      <c r="Y15"/>
      <c r="Z15"/>
      <c r="AA15"/>
      <c r="AB15"/>
      <c r="AC15"/>
      <c r="AD15"/>
      <c r="AE15"/>
      <c r="AF15"/>
      <c r="AG15"/>
      <c r="AH15"/>
      <c r="AI15"/>
      <c r="AJ15"/>
      <c r="AK15"/>
      <c r="AL15"/>
      <c r="AM15"/>
      <c r="AN15"/>
      <c r="AO15"/>
      <c r="AP15"/>
      <c r="AQ15"/>
      <c r="AR15"/>
      <c r="AS15"/>
      <c r="AT15"/>
      <c r="AU15"/>
      <c r="AV15"/>
      <c r="AW15"/>
      <c r="AX15"/>
      <c r="AY15"/>
      <c r="AZ15"/>
      <c r="BA15"/>
      <c r="BB15"/>
      <c r="BC15"/>
      <c r="BD15"/>
      <c r="BE15"/>
      <c r="BF15"/>
      <c r="BG15"/>
      <c r="BH15"/>
      <c r="BI15"/>
      <c r="BJ15"/>
      <c r="BK15"/>
      <c r="BL15"/>
      <c r="BM15"/>
      <c r="BN15"/>
      <c r="BO15"/>
      <c r="BP15"/>
      <c r="BQ15"/>
      <c r="BR15"/>
      <c r="BS15"/>
      <c r="BT15"/>
      <c r="BU15"/>
      <c r="BV15"/>
      <c r="BW15"/>
      <c r="BX15"/>
      <c r="BY15"/>
      <c r="BZ15"/>
      <c r="CA15"/>
      <c r="CB15"/>
      <c r="CC15"/>
      <c r="CD15"/>
      <c r="CE15"/>
      <c r="CF15"/>
      <c r="CG15"/>
      <c r="CH15"/>
      <c r="CI15"/>
      <c r="CJ15"/>
      <c r="CK15"/>
      <c r="CL15"/>
      <c r="CM15"/>
      <c r="CN15"/>
      <c r="CO15"/>
      <c r="CP15"/>
      <c r="CQ15"/>
      <c r="CR15"/>
      <c r="CS15"/>
      <c r="CT15"/>
      <c r="CU15"/>
      <c r="CV15"/>
      <c r="CW15"/>
      <c r="CX15"/>
      <c r="CY15"/>
      <c r="CZ15"/>
      <c r="DA15"/>
      <c r="DB15"/>
      <c r="DC15"/>
      <c r="DD15"/>
      <c r="DE15"/>
      <c r="DF15"/>
      <c r="DG15"/>
      <c r="DH15"/>
      <c r="DI15"/>
      <c r="DJ15"/>
      <c r="DK15"/>
      <c r="DL15"/>
      <c r="DM15"/>
      <c r="DN15"/>
      <c r="DO15"/>
      <c r="DP15"/>
      <c r="DQ15"/>
      <c r="DR15"/>
      <c r="DS15"/>
      <c r="DT15"/>
      <c r="DU15"/>
      <c r="DV15"/>
      <c r="DW15"/>
      <c r="DX15"/>
      <c r="DY15"/>
      <c r="DZ15"/>
      <c r="EA15"/>
      <c r="EB15"/>
      <c r="EC15"/>
      <c r="ED15"/>
      <c r="EE15"/>
      <c r="EF15"/>
      <c r="EG15"/>
      <c r="EH15"/>
      <c r="EI15"/>
      <c r="EJ15"/>
      <c r="EK15"/>
      <c r="EL15"/>
      <c r="EM15"/>
      <c r="EN15"/>
      <c r="EO15"/>
      <c r="EP15"/>
      <c r="EQ15"/>
      <c r="ER15"/>
      <c r="ES15"/>
      <c r="ET15"/>
      <c r="EU15"/>
      <c r="EV15"/>
      <c r="EW15"/>
      <c r="EX15"/>
      <c r="EY15"/>
      <c r="EZ15"/>
      <c r="FA15"/>
      <c r="FB15"/>
      <c r="FC15"/>
      <c r="FD15"/>
      <c r="FE15"/>
      <c r="FF15"/>
      <c r="FG15"/>
      <c r="FH15"/>
      <c r="FI15"/>
      <c r="FJ15"/>
      <c r="FK15"/>
      <c r="FL15"/>
      <c r="FM15"/>
      <c r="FN15"/>
      <c r="FO15"/>
      <c r="FP15"/>
      <c r="FQ15"/>
      <c r="FR15"/>
      <c r="FS15"/>
      <c r="FT15"/>
      <c r="FU15"/>
      <c r="FV15"/>
      <c r="FW15"/>
      <c r="FX15"/>
      <c r="FY15"/>
      <c r="FZ15"/>
      <c r="GA15"/>
      <c r="GB15"/>
      <c r="GC15"/>
      <c r="GD15"/>
      <c r="GE15"/>
      <c r="GF15"/>
      <c r="GG15"/>
      <c r="GH15"/>
      <c r="GI15"/>
      <c r="GJ15"/>
      <c r="GK15"/>
      <c r="GL15"/>
      <c r="GM15"/>
      <c r="GN15"/>
      <c r="GO15"/>
      <c r="GP15"/>
      <c r="GQ15"/>
      <c r="GR15"/>
      <c r="GS15"/>
      <c r="GT15"/>
      <c r="GU15"/>
      <c r="GV15"/>
      <c r="GW15"/>
      <c r="GX15"/>
      <c r="GY15"/>
      <c r="GZ15"/>
      <c r="HA15"/>
      <c r="HB15"/>
      <c r="HC15"/>
      <c r="HD15"/>
      <c r="HE15"/>
      <c r="HF15"/>
      <c r="HG15"/>
      <c r="HH15"/>
      <c r="HI15"/>
      <c r="HJ15"/>
      <c r="HK15"/>
      <c r="HL15"/>
      <c r="HM15"/>
      <c r="HN15"/>
      <c r="HO15"/>
      <c r="HP15"/>
      <c r="HQ15"/>
      <c r="HR15"/>
      <c r="HS15"/>
      <c r="HT15"/>
      <c r="HU15"/>
      <c r="HV15"/>
      <c r="HW15"/>
      <c r="HX15"/>
      <c r="HY15"/>
      <c r="HZ15"/>
    </row>
    <row r="16" spans="1:234" s="118" customFormat="1" ht="26.25" customHeight="1" x14ac:dyDescent="0.15">
      <c r="A16" s="119">
        <v>15</v>
      </c>
      <c r="B16" s="120">
        <v>1660190289</v>
      </c>
      <c r="C16" s="78" t="s">
        <v>1316</v>
      </c>
      <c r="D16" s="120">
        <v>9398204</v>
      </c>
      <c r="E16" s="123" t="s">
        <v>1656</v>
      </c>
      <c r="F16" s="64" t="s">
        <v>650</v>
      </c>
      <c r="G16" s="64" t="s">
        <v>118</v>
      </c>
      <c r="H16" s="64" t="s">
        <v>118</v>
      </c>
      <c r="I16" s="64" t="s">
        <v>1379</v>
      </c>
      <c r="J16" s="64" t="s">
        <v>1665</v>
      </c>
      <c r="K16" s="134">
        <v>42036</v>
      </c>
      <c r="L16"/>
      <c r="M16"/>
      <c r="N16"/>
      <c r="O16"/>
      <c r="P16"/>
      <c r="Q16"/>
      <c r="R16"/>
      <c r="S16"/>
      <c r="T16"/>
      <c r="U16"/>
      <c r="V16"/>
      <c r="W16"/>
      <c r="X16"/>
      <c r="Y16"/>
      <c r="Z16"/>
      <c r="AA16"/>
      <c r="AB16"/>
      <c r="AC16"/>
      <c r="AD16"/>
      <c r="AE16"/>
      <c r="AF16"/>
      <c r="AG16"/>
      <c r="AH16"/>
      <c r="AI16"/>
      <c r="AJ16"/>
      <c r="AK16"/>
      <c r="AL16"/>
      <c r="AM16"/>
      <c r="AN16"/>
      <c r="AO16"/>
      <c r="AP16"/>
      <c r="AQ16"/>
      <c r="AR16"/>
      <c r="AS16"/>
      <c r="AT16"/>
      <c r="AU16"/>
      <c r="AV16"/>
      <c r="AW16"/>
      <c r="AX16"/>
      <c r="AY16"/>
      <c r="AZ16"/>
      <c r="BA16"/>
      <c r="BB16"/>
      <c r="BC16"/>
      <c r="BD16"/>
      <c r="BE16"/>
      <c r="BF16"/>
      <c r="BG16"/>
      <c r="BH16"/>
      <c r="BI16"/>
      <c r="BJ16"/>
      <c r="BK16"/>
      <c r="BL16"/>
      <c r="BM16"/>
      <c r="BN16"/>
      <c r="BO16"/>
      <c r="BP16"/>
      <c r="BQ16"/>
      <c r="BR16"/>
      <c r="BS16"/>
      <c r="BT16"/>
      <c r="BU16"/>
      <c r="BV16"/>
      <c r="BW16"/>
      <c r="BX16"/>
      <c r="BY16"/>
      <c r="BZ16"/>
      <c r="CA16"/>
      <c r="CB16"/>
      <c r="CC16"/>
      <c r="CD16"/>
      <c r="CE16"/>
      <c r="CF16"/>
      <c r="CG16"/>
      <c r="CH16"/>
      <c r="CI16"/>
      <c r="CJ16"/>
      <c r="CK16"/>
      <c r="CL16"/>
      <c r="CM16"/>
      <c r="CN16"/>
      <c r="CO16"/>
      <c r="CP16"/>
      <c r="CQ16"/>
      <c r="CR16"/>
      <c r="CS16"/>
      <c r="CT16"/>
      <c r="CU16"/>
      <c r="CV16"/>
      <c r="CW16"/>
      <c r="CX16"/>
      <c r="CY16"/>
      <c r="CZ16"/>
      <c r="DA16"/>
      <c r="DB16"/>
      <c r="DC16"/>
      <c r="DD16"/>
      <c r="DE16"/>
      <c r="DF16"/>
      <c r="DG16"/>
      <c r="DH16"/>
      <c r="DI16"/>
      <c r="DJ16"/>
      <c r="DK16"/>
      <c r="DL16"/>
      <c r="DM16"/>
      <c r="DN16"/>
      <c r="DO16"/>
      <c r="DP16"/>
      <c r="DQ16"/>
      <c r="DR16"/>
      <c r="DS16"/>
      <c r="DT16"/>
      <c r="DU16"/>
      <c r="DV16"/>
      <c r="DW16"/>
      <c r="DX16"/>
      <c r="DY16"/>
      <c r="DZ16"/>
      <c r="EA16"/>
      <c r="EB16"/>
      <c r="EC16"/>
      <c r="ED16"/>
      <c r="EE16"/>
      <c r="EF16"/>
      <c r="EG16"/>
      <c r="EH16"/>
      <c r="EI16"/>
      <c r="EJ16"/>
      <c r="EK16"/>
      <c r="EL16"/>
      <c r="EM16"/>
      <c r="EN16"/>
      <c r="EO16"/>
      <c r="EP16"/>
      <c r="EQ16"/>
      <c r="ER16"/>
      <c r="ES16"/>
      <c r="ET16"/>
      <c r="EU16"/>
      <c r="EV16"/>
      <c r="EW16"/>
      <c r="EX16"/>
      <c r="EY16"/>
      <c r="EZ16"/>
      <c r="FA16"/>
      <c r="FB16"/>
      <c r="FC16"/>
      <c r="FD16"/>
      <c r="FE16"/>
      <c r="FF16"/>
      <c r="FG16"/>
      <c r="FH16"/>
      <c r="FI16"/>
      <c r="FJ16"/>
      <c r="FK16"/>
      <c r="FL16"/>
      <c r="FM16"/>
      <c r="FN16"/>
      <c r="FO16"/>
      <c r="FP16"/>
      <c r="FQ16"/>
      <c r="FR16"/>
      <c r="FS16"/>
      <c r="FT16"/>
      <c r="FU16"/>
      <c r="FV16"/>
      <c r="FW16"/>
      <c r="FX16"/>
      <c r="FY16"/>
      <c r="FZ16"/>
      <c r="GA16"/>
      <c r="GB16"/>
      <c r="GC16"/>
      <c r="GD16"/>
      <c r="GE16"/>
      <c r="GF16"/>
      <c r="GG16"/>
      <c r="GH16"/>
      <c r="GI16"/>
      <c r="GJ16"/>
      <c r="GK16"/>
      <c r="GL16"/>
      <c r="GM16"/>
      <c r="GN16"/>
      <c r="GO16"/>
      <c r="GP16"/>
      <c r="GQ16"/>
      <c r="GR16"/>
      <c r="GS16"/>
      <c r="GT16"/>
      <c r="GU16"/>
      <c r="GV16"/>
      <c r="GW16"/>
      <c r="GX16"/>
      <c r="GY16"/>
      <c r="GZ16"/>
      <c r="HA16"/>
      <c r="HB16"/>
      <c r="HC16"/>
      <c r="HD16"/>
      <c r="HE16"/>
      <c r="HF16"/>
      <c r="HG16"/>
      <c r="HH16"/>
      <c r="HI16"/>
      <c r="HJ16"/>
      <c r="HK16"/>
      <c r="HL16"/>
      <c r="HM16"/>
      <c r="HN16"/>
      <c r="HO16"/>
      <c r="HP16"/>
      <c r="HQ16"/>
      <c r="HR16"/>
      <c r="HS16"/>
      <c r="HT16"/>
      <c r="HU16"/>
      <c r="HV16"/>
      <c r="HW16"/>
      <c r="HX16"/>
      <c r="HY16"/>
      <c r="HZ16"/>
    </row>
    <row r="17" spans="1:11" customFormat="1" ht="26.25" customHeight="1" x14ac:dyDescent="0.15">
      <c r="A17" s="119">
        <v>16</v>
      </c>
      <c r="B17" s="120">
        <v>1660190305</v>
      </c>
      <c r="C17" s="78" t="s">
        <v>1657</v>
      </c>
      <c r="D17" s="120">
        <v>9398072</v>
      </c>
      <c r="E17" s="123" t="s">
        <v>779</v>
      </c>
      <c r="F17" s="64" t="s">
        <v>1770</v>
      </c>
      <c r="G17" s="64" t="s">
        <v>118</v>
      </c>
      <c r="H17" s="64" t="s">
        <v>118</v>
      </c>
      <c r="I17" s="64" t="s">
        <v>1647</v>
      </c>
      <c r="J17" s="64" t="s">
        <v>213</v>
      </c>
      <c r="K17" s="134">
        <v>42095</v>
      </c>
    </row>
    <row r="18" spans="1:11" customFormat="1" ht="26.25" customHeight="1" x14ac:dyDescent="0.15">
      <c r="A18" s="119">
        <v>17</v>
      </c>
      <c r="B18" s="120">
        <v>1660190321</v>
      </c>
      <c r="C18" s="78" t="s">
        <v>1659</v>
      </c>
      <c r="D18" s="120">
        <v>9398208</v>
      </c>
      <c r="E18" s="123" t="s">
        <v>1267</v>
      </c>
      <c r="F18" s="64" t="s">
        <v>1347</v>
      </c>
      <c r="G18" s="64" t="s">
        <v>118</v>
      </c>
      <c r="H18" s="64" t="s">
        <v>118</v>
      </c>
      <c r="I18" s="64" t="s">
        <v>1648</v>
      </c>
      <c r="J18" s="64" t="s">
        <v>1666</v>
      </c>
      <c r="K18" s="134">
        <v>42125</v>
      </c>
    </row>
    <row r="19" spans="1:11" ht="26.25" customHeight="1" x14ac:dyDescent="0.15">
      <c r="A19" s="119">
        <v>18</v>
      </c>
      <c r="B19" s="64">
        <v>1660190339</v>
      </c>
      <c r="C19" s="123" t="s">
        <v>843</v>
      </c>
      <c r="D19" s="120">
        <v>9398204</v>
      </c>
      <c r="E19" s="123" t="s">
        <v>2077</v>
      </c>
      <c r="F19" s="64" t="s">
        <v>46</v>
      </c>
      <c r="G19" s="64" t="s">
        <v>118</v>
      </c>
      <c r="H19" s="64" t="s">
        <v>118</v>
      </c>
      <c r="I19" s="64" t="s">
        <v>2078</v>
      </c>
      <c r="J19" s="64" t="s">
        <v>50</v>
      </c>
      <c r="K19" s="134">
        <v>42278</v>
      </c>
    </row>
    <row r="20" spans="1:11" ht="26.25" customHeight="1" x14ac:dyDescent="0.15">
      <c r="A20" s="119">
        <v>19</v>
      </c>
      <c r="B20" s="64">
        <v>1660190354</v>
      </c>
      <c r="C20" s="123" t="s">
        <v>661</v>
      </c>
      <c r="D20" s="120">
        <v>9300091</v>
      </c>
      <c r="E20" s="129" t="s">
        <v>2135</v>
      </c>
      <c r="F20" s="64" t="s">
        <v>1184</v>
      </c>
      <c r="G20" s="64" t="s">
        <v>118</v>
      </c>
      <c r="H20" s="64" t="s">
        <v>118</v>
      </c>
      <c r="I20" s="64" t="s">
        <v>99</v>
      </c>
      <c r="J20" s="64" t="s">
        <v>1667</v>
      </c>
      <c r="K20" s="134">
        <v>42309</v>
      </c>
    </row>
    <row r="21" spans="1:11" ht="26.25" customHeight="1" x14ac:dyDescent="0.15">
      <c r="A21" s="119">
        <v>20</v>
      </c>
      <c r="B21" s="64">
        <v>1660190362</v>
      </c>
      <c r="C21" s="123" t="s">
        <v>1661</v>
      </c>
      <c r="D21" s="120">
        <v>9300962</v>
      </c>
      <c r="E21" s="123" t="s">
        <v>935</v>
      </c>
      <c r="F21" s="64" t="s">
        <v>1296</v>
      </c>
      <c r="G21" s="64" t="s">
        <v>118</v>
      </c>
      <c r="H21" s="64" t="s">
        <v>118</v>
      </c>
      <c r="I21" s="64" t="s">
        <v>1441</v>
      </c>
      <c r="J21" s="64" t="s">
        <v>1668</v>
      </c>
      <c r="K21" s="134">
        <v>42491</v>
      </c>
    </row>
    <row r="22" spans="1:11" ht="26.25" customHeight="1" x14ac:dyDescent="0.15">
      <c r="A22" s="119">
        <v>21</v>
      </c>
      <c r="B22" s="64">
        <v>1660190388</v>
      </c>
      <c r="C22" s="78" t="s">
        <v>1481</v>
      </c>
      <c r="D22" s="64">
        <v>9300936</v>
      </c>
      <c r="E22" s="123" t="s">
        <v>1215</v>
      </c>
      <c r="F22" s="64" t="s">
        <v>15</v>
      </c>
      <c r="G22" s="64" t="s">
        <v>118</v>
      </c>
      <c r="H22" s="64" t="s">
        <v>118</v>
      </c>
      <c r="I22" s="64" t="s">
        <v>747</v>
      </c>
      <c r="J22" s="64" t="s">
        <v>1246</v>
      </c>
      <c r="K22" s="134">
        <v>42856</v>
      </c>
    </row>
    <row r="23" spans="1:11" customFormat="1" ht="26.25" customHeight="1" x14ac:dyDescent="0.15">
      <c r="A23" s="119">
        <v>22</v>
      </c>
      <c r="B23" s="64">
        <v>1660190396</v>
      </c>
      <c r="C23" s="78" t="s">
        <v>1501</v>
      </c>
      <c r="D23" s="64">
        <v>9300892</v>
      </c>
      <c r="E23" s="123" t="s">
        <v>845</v>
      </c>
      <c r="F23" s="64" t="s">
        <v>202</v>
      </c>
      <c r="G23" s="64" t="s">
        <v>118</v>
      </c>
      <c r="H23" s="64" t="s">
        <v>118</v>
      </c>
      <c r="I23" s="64" t="s">
        <v>1691</v>
      </c>
      <c r="J23" s="64" t="s">
        <v>1806</v>
      </c>
      <c r="K23" s="135">
        <v>42979</v>
      </c>
    </row>
    <row r="24" spans="1:11" customFormat="1" ht="26.25" customHeight="1" x14ac:dyDescent="0.15">
      <c r="A24" s="119">
        <v>23</v>
      </c>
      <c r="B24" s="64">
        <v>1660190404</v>
      </c>
      <c r="C24" s="78" t="s">
        <v>1302</v>
      </c>
      <c r="D24" s="64">
        <v>9318533</v>
      </c>
      <c r="E24" s="123" t="s">
        <v>646</v>
      </c>
      <c r="F24" s="64" t="s">
        <v>1101</v>
      </c>
      <c r="G24" s="64" t="s">
        <v>118</v>
      </c>
      <c r="H24" s="64" t="s">
        <v>118</v>
      </c>
      <c r="I24" s="64" t="s">
        <v>795</v>
      </c>
      <c r="J24" s="64" t="s">
        <v>1899</v>
      </c>
      <c r="K24" s="135">
        <v>43009</v>
      </c>
    </row>
    <row r="25" spans="1:11" ht="26.25" customHeight="1" x14ac:dyDescent="0.15">
      <c r="A25" s="119">
        <v>24</v>
      </c>
      <c r="B25" s="64">
        <v>1660190446</v>
      </c>
      <c r="C25" s="78" t="s">
        <v>262</v>
      </c>
      <c r="D25" s="64" t="s">
        <v>700</v>
      </c>
      <c r="E25" s="78" t="s">
        <v>753</v>
      </c>
      <c r="F25" s="64" t="s">
        <v>1663</v>
      </c>
      <c r="G25" s="64" t="s">
        <v>118</v>
      </c>
      <c r="H25" s="64" t="s">
        <v>118</v>
      </c>
      <c r="I25" s="64" t="s">
        <v>127</v>
      </c>
      <c r="J25" s="64" t="s">
        <v>1417</v>
      </c>
      <c r="K25" s="134">
        <v>43101</v>
      </c>
    </row>
    <row r="26" spans="1:11" ht="26.25" customHeight="1" x14ac:dyDescent="0.15">
      <c r="A26" s="119">
        <v>25</v>
      </c>
      <c r="B26" s="64">
        <v>1660190453</v>
      </c>
      <c r="C26" s="78" t="s">
        <v>1562</v>
      </c>
      <c r="D26" s="64">
        <v>9318443</v>
      </c>
      <c r="E26" s="78" t="s">
        <v>1109</v>
      </c>
      <c r="F26" s="64" t="s">
        <v>1101</v>
      </c>
      <c r="G26" s="64" t="s">
        <v>118</v>
      </c>
      <c r="H26" s="64" t="s">
        <v>118</v>
      </c>
      <c r="I26" s="64" t="s">
        <v>574</v>
      </c>
      <c r="J26" s="64" t="s">
        <v>1607</v>
      </c>
      <c r="K26" s="134">
        <v>43282</v>
      </c>
    </row>
    <row r="27" spans="1:11" ht="26.25" customHeight="1" x14ac:dyDescent="0.15">
      <c r="A27" s="119">
        <v>26</v>
      </c>
      <c r="B27" s="64">
        <v>1660190461</v>
      </c>
      <c r="C27" s="78" t="s">
        <v>1889</v>
      </c>
      <c r="D27" s="64">
        <v>9300803</v>
      </c>
      <c r="E27" s="78" t="s">
        <v>709</v>
      </c>
      <c r="F27" s="64" t="s">
        <v>1156</v>
      </c>
      <c r="G27" s="64" t="s">
        <v>118</v>
      </c>
      <c r="H27" s="64" t="s">
        <v>118</v>
      </c>
      <c r="I27" s="131" t="s">
        <v>306</v>
      </c>
      <c r="J27" s="131" t="s">
        <v>1502</v>
      </c>
      <c r="K27" s="134">
        <v>43556</v>
      </c>
    </row>
    <row r="28" spans="1:11" ht="26.25" customHeight="1" x14ac:dyDescent="0.15">
      <c r="A28" s="119">
        <v>27</v>
      </c>
      <c r="B28" s="64">
        <v>1660190479</v>
      </c>
      <c r="C28" s="78" t="s">
        <v>898</v>
      </c>
      <c r="D28" s="64">
        <v>9398211</v>
      </c>
      <c r="E28" s="78" t="s">
        <v>1284</v>
      </c>
      <c r="F28" s="64" t="s">
        <v>1264</v>
      </c>
      <c r="G28" s="64" t="s">
        <v>118</v>
      </c>
      <c r="H28" s="64" t="s">
        <v>118</v>
      </c>
      <c r="I28" s="64" t="s">
        <v>1727</v>
      </c>
      <c r="J28" s="64" t="s">
        <v>1696</v>
      </c>
      <c r="K28" s="134">
        <v>43709</v>
      </c>
    </row>
    <row r="29" spans="1:11" ht="26.25" customHeight="1" x14ac:dyDescent="0.15">
      <c r="A29" s="119">
        <v>28</v>
      </c>
      <c r="B29" s="64">
        <v>1660190503</v>
      </c>
      <c r="C29" s="78" t="s">
        <v>6</v>
      </c>
      <c r="D29" s="64">
        <v>9300974</v>
      </c>
      <c r="E29" s="123" t="s">
        <v>1762</v>
      </c>
      <c r="F29" s="64" t="s">
        <v>1151</v>
      </c>
      <c r="G29" s="64" t="s">
        <v>1728</v>
      </c>
      <c r="H29" s="64" t="s">
        <v>1728</v>
      </c>
      <c r="I29" s="64" t="s">
        <v>333</v>
      </c>
      <c r="J29" s="64" t="s">
        <v>739</v>
      </c>
      <c r="K29" s="136">
        <v>43922</v>
      </c>
    </row>
    <row r="30" spans="1:11" ht="26.25" customHeight="1" x14ac:dyDescent="0.15">
      <c r="A30" s="119">
        <v>29</v>
      </c>
      <c r="B30" s="64">
        <v>1660190537</v>
      </c>
      <c r="C30" s="78" t="s">
        <v>1576</v>
      </c>
      <c r="D30" s="64">
        <v>9300866</v>
      </c>
      <c r="E30" s="78" t="s">
        <v>665</v>
      </c>
      <c r="F30" s="64" t="s">
        <v>1887</v>
      </c>
      <c r="G30" s="64" t="s">
        <v>118</v>
      </c>
      <c r="H30" s="64" t="s">
        <v>118</v>
      </c>
      <c r="I30" s="64" t="s">
        <v>179</v>
      </c>
      <c r="J30" s="64" t="s">
        <v>179</v>
      </c>
      <c r="K30" s="134">
        <v>44136</v>
      </c>
    </row>
    <row r="31" spans="1:11" ht="26.25" customHeight="1" x14ac:dyDescent="0.15">
      <c r="A31" s="119">
        <v>30</v>
      </c>
      <c r="B31" s="64">
        <v>1660190552</v>
      </c>
      <c r="C31" s="78" t="s">
        <v>1619</v>
      </c>
      <c r="D31" s="64">
        <v>9392727</v>
      </c>
      <c r="E31" s="130" t="s">
        <v>1592</v>
      </c>
      <c r="F31" s="64" t="s">
        <v>1360</v>
      </c>
      <c r="G31" s="64" t="s">
        <v>1728</v>
      </c>
      <c r="H31" s="64" t="s">
        <v>1728</v>
      </c>
      <c r="I31" s="64" t="s">
        <v>39</v>
      </c>
      <c r="J31" s="64" t="s">
        <v>452</v>
      </c>
      <c r="K31" s="134">
        <v>44348</v>
      </c>
    </row>
    <row r="32" spans="1:11" ht="26.25" customHeight="1" x14ac:dyDescent="0.15">
      <c r="A32" s="119">
        <v>31</v>
      </c>
      <c r="B32" s="64">
        <v>1660190560</v>
      </c>
      <c r="C32" s="78" t="s">
        <v>1322</v>
      </c>
      <c r="D32" s="64">
        <v>9398055</v>
      </c>
      <c r="E32" s="78" t="s">
        <v>1927</v>
      </c>
      <c r="F32" s="64" t="s">
        <v>1770</v>
      </c>
      <c r="G32" s="64" t="s">
        <v>1728</v>
      </c>
      <c r="H32" s="64" t="s">
        <v>1728</v>
      </c>
      <c r="I32" s="64" t="s">
        <v>1815</v>
      </c>
      <c r="J32" s="64" t="s">
        <v>1435</v>
      </c>
      <c r="K32" s="134">
        <v>44409</v>
      </c>
    </row>
    <row r="33" spans="1:11" ht="26.25" customHeight="1" x14ac:dyDescent="0.15">
      <c r="A33" s="119">
        <v>32</v>
      </c>
      <c r="B33" s="64">
        <v>1660190594</v>
      </c>
      <c r="C33" s="78" t="s">
        <v>1869</v>
      </c>
      <c r="D33" s="64">
        <v>9398253</v>
      </c>
      <c r="E33" s="78" t="s">
        <v>2028</v>
      </c>
      <c r="F33" s="64" t="s">
        <v>748</v>
      </c>
      <c r="G33" s="64" t="s">
        <v>1728</v>
      </c>
      <c r="H33" s="64" t="s">
        <v>1728</v>
      </c>
      <c r="I33" s="64" t="s">
        <v>1177</v>
      </c>
      <c r="J33" s="64" t="s">
        <v>2029</v>
      </c>
      <c r="K33" s="134">
        <v>44713</v>
      </c>
    </row>
    <row r="34" spans="1:11" ht="26.25" customHeight="1" x14ac:dyDescent="0.15">
      <c r="A34" s="119">
        <v>33</v>
      </c>
      <c r="B34" s="64">
        <v>1660190602</v>
      </c>
      <c r="C34" s="78" t="s">
        <v>1873</v>
      </c>
      <c r="D34" s="64">
        <v>9300831</v>
      </c>
      <c r="E34" s="78" t="s">
        <v>867</v>
      </c>
      <c r="F34" s="64" t="s">
        <v>1173</v>
      </c>
      <c r="G34" s="64" t="s">
        <v>1728</v>
      </c>
      <c r="H34" s="64" t="s">
        <v>1728</v>
      </c>
      <c r="I34" s="64" t="s">
        <v>679</v>
      </c>
      <c r="J34" s="64" t="s">
        <v>49</v>
      </c>
      <c r="K34" s="134">
        <v>44774</v>
      </c>
    </row>
    <row r="35" spans="1:11" ht="26.25" customHeight="1" x14ac:dyDescent="0.15">
      <c r="A35" s="119">
        <v>34</v>
      </c>
      <c r="B35" s="64">
        <v>1660190651</v>
      </c>
      <c r="C35" s="78" t="s">
        <v>1345</v>
      </c>
      <c r="D35" s="64">
        <v>9300066</v>
      </c>
      <c r="E35" s="123" t="s">
        <v>977</v>
      </c>
      <c r="F35" s="64" t="s">
        <v>796</v>
      </c>
      <c r="G35" s="64" t="s">
        <v>118</v>
      </c>
      <c r="H35" s="64" t="s">
        <v>118</v>
      </c>
      <c r="I35" s="64" t="s">
        <v>849</v>
      </c>
      <c r="J35" s="64" t="s">
        <v>1883</v>
      </c>
      <c r="K35" s="134">
        <v>44835</v>
      </c>
    </row>
    <row r="36" spans="1:11" ht="26.25" customHeight="1" x14ac:dyDescent="0.15">
      <c r="A36" s="119">
        <v>35</v>
      </c>
      <c r="B36" s="64">
        <v>1660190669</v>
      </c>
      <c r="C36" s="78" t="s">
        <v>1885</v>
      </c>
      <c r="D36" s="64">
        <v>9301327</v>
      </c>
      <c r="E36" s="123" t="s">
        <v>3</v>
      </c>
      <c r="F36" s="64" t="s">
        <v>723</v>
      </c>
      <c r="G36" s="64" t="s">
        <v>118</v>
      </c>
      <c r="H36" s="64" t="s">
        <v>118</v>
      </c>
      <c r="I36" s="64" t="s">
        <v>1378</v>
      </c>
      <c r="J36" s="64" t="s">
        <v>1886</v>
      </c>
      <c r="K36" s="134">
        <v>44958</v>
      </c>
    </row>
    <row r="37" spans="1:11" ht="26.25" customHeight="1" x14ac:dyDescent="0.15">
      <c r="A37" s="119">
        <v>36</v>
      </c>
      <c r="B37" s="64">
        <v>1660190677</v>
      </c>
      <c r="C37" s="78" t="s">
        <v>1919</v>
      </c>
      <c r="D37" s="64">
        <v>9398114</v>
      </c>
      <c r="E37" s="123" t="s">
        <v>1920</v>
      </c>
      <c r="F37" s="64" t="s">
        <v>1159</v>
      </c>
      <c r="G37" s="64" t="s">
        <v>118</v>
      </c>
      <c r="H37" s="64" t="s">
        <v>118</v>
      </c>
      <c r="I37" s="64" t="s">
        <v>1922</v>
      </c>
      <c r="J37" s="64" t="s">
        <v>1520</v>
      </c>
      <c r="K37" s="134">
        <v>45352</v>
      </c>
    </row>
    <row r="38" spans="1:11" ht="26.25" customHeight="1" x14ac:dyDescent="0.15">
      <c r="A38" s="119">
        <v>37</v>
      </c>
      <c r="B38" s="64">
        <v>1660190685</v>
      </c>
      <c r="C38" s="78" t="s">
        <v>648</v>
      </c>
      <c r="D38" s="64">
        <v>9300832</v>
      </c>
      <c r="E38" s="123" t="s">
        <v>1923</v>
      </c>
      <c r="F38" s="64" t="s">
        <v>1173</v>
      </c>
      <c r="G38" s="64" t="s">
        <v>1728</v>
      </c>
      <c r="H38" s="64" t="s">
        <v>452</v>
      </c>
      <c r="I38" s="64" t="s">
        <v>758</v>
      </c>
      <c r="J38" s="64" t="s">
        <v>914</v>
      </c>
      <c r="K38" s="134">
        <v>45352</v>
      </c>
    </row>
    <row r="39" spans="1:11" ht="26.25" customHeight="1" x14ac:dyDescent="0.15">
      <c r="A39" s="119">
        <v>38</v>
      </c>
      <c r="B39" s="64">
        <v>1660190701</v>
      </c>
      <c r="C39" s="78" t="s">
        <v>1877</v>
      </c>
      <c r="D39" s="64">
        <v>9300916</v>
      </c>
      <c r="E39" s="123" t="s">
        <v>1929</v>
      </c>
      <c r="F39" s="64" t="s">
        <v>21</v>
      </c>
      <c r="G39" s="64" t="s">
        <v>118</v>
      </c>
      <c r="H39" s="64" t="s">
        <v>118</v>
      </c>
      <c r="I39" s="64" t="s">
        <v>100</v>
      </c>
      <c r="J39" s="64" t="s">
        <v>507</v>
      </c>
      <c r="K39" s="134">
        <v>45383</v>
      </c>
    </row>
    <row r="40" spans="1:11" ht="26.25" customHeight="1" x14ac:dyDescent="0.15">
      <c r="A40" s="119">
        <v>39</v>
      </c>
      <c r="B40" s="64">
        <v>1660190719</v>
      </c>
      <c r="C40" s="78" t="s">
        <v>1930</v>
      </c>
      <c r="D40" s="64">
        <v>9398006</v>
      </c>
      <c r="E40" s="123" t="s">
        <v>1106</v>
      </c>
      <c r="F40" s="64" t="s">
        <v>983</v>
      </c>
      <c r="G40" s="64" t="s">
        <v>118</v>
      </c>
      <c r="H40" s="64" t="s">
        <v>118</v>
      </c>
      <c r="I40" s="64" t="s">
        <v>984</v>
      </c>
      <c r="J40" s="64" t="s">
        <v>1931</v>
      </c>
      <c r="K40" s="134">
        <v>45383</v>
      </c>
    </row>
    <row r="41" spans="1:11" ht="26.25" customHeight="1" x14ac:dyDescent="0.15">
      <c r="A41" s="119">
        <v>40</v>
      </c>
      <c r="B41" s="64">
        <v>1660190735</v>
      </c>
      <c r="C41" s="78" t="s">
        <v>728</v>
      </c>
      <c r="D41" s="64">
        <v>9398251</v>
      </c>
      <c r="E41" s="123" t="s">
        <v>1028</v>
      </c>
      <c r="F41" s="64" t="s">
        <v>748</v>
      </c>
      <c r="G41" s="64" t="s">
        <v>118</v>
      </c>
      <c r="H41" s="64" t="s">
        <v>118</v>
      </c>
      <c r="I41" s="64" t="s">
        <v>2030</v>
      </c>
      <c r="J41" s="64" t="s">
        <v>2031</v>
      </c>
      <c r="K41" s="134">
        <v>45444</v>
      </c>
    </row>
    <row r="42" spans="1:11" ht="26.25" customHeight="1" x14ac:dyDescent="0.15">
      <c r="A42" s="119">
        <v>41</v>
      </c>
      <c r="B42" s="64">
        <v>1660190743</v>
      </c>
      <c r="C42" s="78" t="s">
        <v>2032</v>
      </c>
      <c r="D42" s="64">
        <v>9398216</v>
      </c>
      <c r="E42" s="123" t="s">
        <v>2036</v>
      </c>
      <c r="F42" s="64" t="s">
        <v>46</v>
      </c>
      <c r="G42" s="64" t="s">
        <v>118</v>
      </c>
      <c r="H42" s="64" t="s">
        <v>118</v>
      </c>
      <c r="I42" s="64" t="s">
        <v>2033</v>
      </c>
      <c r="J42" s="64" t="s">
        <v>2034</v>
      </c>
      <c r="K42" s="134">
        <v>45444</v>
      </c>
    </row>
    <row r="43" spans="1:11" ht="26.25" customHeight="1" x14ac:dyDescent="0.15">
      <c r="A43" s="119">
        <v>42</v>
      </c>
      <c r="B43" s="64">
        <v>1660190750</v>
      </c>
      <c r="C43" s="78" t="s">
        <v>2039</v>
      </c>
      <c r="D43" s="64">
        <v>9300177</v>
      </c>
      <c r="E43" s="123" t="s">
        <v>2040</v>
      </c>
      <c r="F43" s="64" t="s">
        <v>278</v>
      </c>
      <c r="G43" s="64" t="s">
        <v>118</v>
      </c>
      <c r="H43" s="64" t="s">
        <v>118</v>
      </c>
      <c r="I43" s="64" t="s">
        <v>454</v>
      </c>
      <c r="J43" s="64" t="s">
        <v>1518</v>
      </c>
      <c r="K43" s="134">
        <v>45505</v>
      </c>
    </row>
    <row r="44" spans="1:11" ht="26.25" customHeight="1" x14ac:dyDescent="0.15">
      <c r="A44" s="119">
        <v>43</v>
      </c>
      <c r="B44" s="64">
        <v>1660190768</v>
      </c>
      <c r="C44" s="78" t="s">
        <v>1835</v>
      </c>
      <c r="D44" s="64">
        <v>9392718</v>
      </c>
      <c r="E44" s="123" t="s">
        <v>2041</v>
      </c>
      <c r="F44" s="64" t="s">
        <v>1754</v>
      </c>
      <c r="G44" s="64" t="s">
        <v>118</v>
      </c>
      <c r="H44" s="64" t="s">
        <v>118</v>
      </c>
      <c r="I44" s="64" t="s">
        <v>1976</v>
      </c>
      <c r="J44" s="64" t="s">
        <v>2042</v>
      </c>
      <c r="K44" s="134">
        <v>45505</v>
      </c>
    </row>
    <row r="45" spans="1:11" ht="26.25" customHeight="1" x14ac:dyDescent="0.15">
      <c r="A45" s="119">
        <v>44</v>
      </c>
      <c r="B45" s="64">
        <v>1660190776</v>
      </c>
      <c r="C45" s="78" t="s">
        <v>2043</v>
      </c>
      <c r="D45" s="64">
        <v>9300963</v>
      </c>
      <c r="E45" s="123" t="s">
        <v>854</v>
      </c>
      <c r="F45" s="64" t="s">
        <v>1151</v>
      </c>
      <c r="G45" s="64" t="s">
        <v>118</v>
      </c>
      <c r="H45" s="64" t="s">
        <v>118</v>
      </c>
      <c r="I45" s="64" t="s">
        <v>907</v>
      </c>
      <c r="J45" s="64" t="s">
        <v>907</v>
      </c>
      <c r="K45" s="134">
        <v>45505</v>
      </c>
    </row>
    <row r="46" spans="1:11" ht="26.25" customHeight="1" x14ac:dyDescent="0.15">
      <c r="A46" s="119">
        <v>45</v>
      </c>
      <c r="B46" s="64">
        <v>1660190784</v>
      </c>
      <c r="C46" s="78" t="s">
        <v>2055</v>
      </c>
      <c r="D46" s="64">
        <v>9398071</v>
      </c>
      <c r="E46" s="123" t="s">
        <v>2056</v>
      </c>
      <c r="F46" s="64" t="s">
        <v>1163</v>
      </c>
      <c r="G46" s="64" t="s">
        <v>118</v>
      </c>
      <c r="H46" s="64" t="s">
        <v>118</v>
      </c>
      <c r="I46" s="64" t="s">
        <v>2082</v>
      </c>
      <c r="J46" s="64" t="s">
        <v>2083</v>
      </c>
      <c r="K46" s="134">
        <v>45627</v>
      </c>
    </row>
    <row r="47" spans="1:11" ht="26.25" customHeight="1" x14ac:dyDescent="0.15">
      <c r="A47" s="119">
        <v>46</v>
      </c>
      <c r="B47" s="64">
        <v>1660190792</v>
      </c>
      <c r="C47" s="78" t="s">
        <v>1389</v>
      </c>
      <c r="D47" s="64">
        <v>9398075</v>
      </c>
      <c r="E47" s="123" t="s">
        <v>2064</v>
      </c>
      <c r="F47" s="64" t="s">
        <v>1999</v>
      </c>
      <c r="G47" s="64" t="s">
        <v>118</v>
      </c>
      <c r="H47" s="64" t="s">
        <v>118</v>
      </c>
      <c r="I47" s="64" t="s">
        <v>2066</v>
      </c>
      <c r="J47" s="64" t="s">
        <v>2067</v>
      </c>
      <c r="K47" s="134">
        <v>45658</v>
      </c>
    </row>
    <row r="48" spans="1:11" ht="26.25" customHeight="1" x14ac:dyDescent="0.15">
      <c r="A48" s="119">
        <v>47</v>
      </c>
      <c r="B48" s="64">
        <v>1660190800</v>
      </c>
      <c r="C48" s="78" t="s">
        <v>1326</v>
      </c>
      <c r="D48" s="64">
        <v>9300138</v>
      </c>
      <c r="E48" s="123" t="s">
        <v>2065</v>
      </c>
      <c r="F48" s="64" t="s">
        <v>116</v>
      </c>
      <c r="G48" s="64" t="s">
        <v>118</v>
      </c>
      <c r="H48" s="64" t="s">
        <v>118</v>
      </c>
      <c r="I48" s="64" t="s">
        <v>1076</v>
      </c>
      <c r="J48" s="64" t="s">
        <v>2068</v>
      </c>
      <c r="K48" s="134">
        <v>45658</v>
      </c>
    </row>
    <row r="49" spans="1:11" ht="26.25" customHeight="1" x14ac:dyDescent="0.15">
      <c r="A49" s="119">
        <v>48</v>
      </c>
      <c r="B49" s="64">
        <v>1660190818</v>
      </c>
      <c r="C49" s="78" t="s">
        <v>2074</v>
      </c>
      <c r="D49" s="64">
        <v>9300029</v>
      </c>
      <c r="E49" s="123" t="s">
        <v>2075</v>
      </c>
      <c r="F49" s="64" t="s">
        <v>1470</v>
      </c>
      <c r="G49" s="64" t="s">
        <v>118</v>
      </c>
      <c r="H49" s="64" t="s">
        <v>118</v>
      </c>
      <c r="I49" s="64" t="s">
        <v>1351</v>
      </c>
      <c r="J49" s="64" t="s">
        <v>2076</v>
      </c>
      <c r="K49" s="134">
        <v>45689</v>
      </c>
    </row>
    <row r="50" spans="1:11" ht="26.25" customHeight="1" x14ac:dyDescent="0.15">
      <c r="A50" s="119">
        <v>49</v>
      </c>
      <c r="B50" s="64">
        <v>1660190826</v>
      </c>
      <c r="C50" s="78" t="s">
        <v>1205</v>
      </c>
      <c r="D50" s="64">
        <v>9398025</v>
      </c>
      <c r="E50" s="123" t="s">
        <v>2094</v>
      </c>
      <c r="F50" s="64" t="s">
        <v>15</v>
      </c>
      <c r="G50" s="64" t="s">
        <v>118</v>
      </c>
      <c r="H50" s="64" t="s">
        <v>118</v>
      </c>
      <c r="I50" s="64" t="s">
        <v>1914</v>
      </c>
      <c r="J50" s="64" t="s">
        <v>1249</v>
      </c>
      <c r="K50" s="134">
        <v>45748</v>
      </c>
    </row>
    <row r="51" spans="1:11" ht="26.25" customHeight="1" x14ac:dyDescent="0.15">
      <c r="A51" s="119">
        <v>50</v>
      </c>
      <c r="B51" s="64">
        <v>1660190834</v>
      </c>
      <c r="C51" s="78" t="s">
        <v>2095</v>
      </c>
      <c r="D51" s="64">
        <v>9300846</v>
      </c>
      <c r="E51" s="123" t="s">
        <v>82</v>
      </c>
      <c r="F51" s="64" t="s">
        <v>1075</v>
      </c>
      <c r="G51" s="64" t="s">
        <v>118</v>
      </c>
      <c r="H51" s="64" t="s">
        <v>118</v>
      </c>
      <c r="I51" s="64" t="s">
        <v>2096</v>
      </c>
      <c r="J51" s="64" t="s">
        <v>2097</v>
      </c>
      <c r="K51" s="134">
        <v>45748</v>
      </c>
    </row>
    <row r="52" spans="1:11" ht="26.25" customHeight="1" x14ac:dyDescent="0.15">
      <c r="A52" s="119">
        <v>51</v>
      </c>
      <c r="B52" s="64">
        <v>1660190842</v>
      </c>
      <c r="C52" s="78" t="s">
        <v>2161</v>
      </c>
      <c r="D52" s="64">
        <v>9300952</v>
      </c>
      <c r="E52" s="123" t="s">
        <v>2098</v>
      </c>
      <c r="F52" s="64" t="s">
        <v>2104</v>
      </c>
      <c r="G52" s="64" t="s">
        <v>118</v>
      </c>
      <c r="H52" s="64" t="s">
        <v>118</v>
      </c>
      <c r="I52" s="64" t="s">
        <v>2099</v>
      </c>
      <c r="J52" s="64" t="s">
        <v>2100</v>
      </c>
      <c r="K52" s="134">
        <v>45901</v>
      </c>
    </row>
    <row r="53" spans="1:11" ht="26.25" customHeight="1" x14ac:dyDescent="0.15">
      <c r="A53" s="119">
        <v>52</v>
      </c>
      <c r="B53" s="64">
        <v>1660190859</v>
      </c>
      <c r="C53" s="78" t="s">
        <v>2048</v>
      </c>
      <c r="D53" s="64">
        <v>9318332</v>
      </c>
      <c r="E53" s="123" t="s">
        <v>2101</v>
      </c>
      <c r="F53" s="64" t="s">
        <v>1418</v>
      </c>
      <c r="G53" s="64" t="s">
        <v>118</v>
      </c>
      <c r="H53" s="64" t="s">
        <v>118</v>
      </c>
      <c r="I53" s="64" t="s">
        <v>2102</v>
      </c>
      <c r="J53" s="64" t="s">
        <v>2102</v>
      </c>
      <c r="K53" s="134">
        <v>45748</v>
      </c>
    </row>
    <row r="54" spans="1:11" ht="26.25" customHeight="1" x14ac:dyDescent="0.15">
      <c r="A54" s="119">
        <v>53</v>
      </c>
      <c r="B54" s="13">
        <v>1660190867</v>
      </c>
      <c r="C54" s="17" t="s">
        <v>2103</v>
      </c>
      <c r="D54" s="13">
        <v>9392753</v>
      </c>
      <c r="E54" s="88" t="s">
        <v>1805</v>
      </c>
      <c r="F54" s="13" t="s">
        <v>1360</v>
      </c>
      <c r="G54" s="13" t="s">
        <v>118</v>
      </c>
      <c r="H54" s="13" t="s">
        <v>118</v>
      </c>
      <c r="I54" s="13" t="s">
        <v>1597</v>
      </c>
      <c r="J54" s="13" t="s">
        <v>892</v>
      </c>
      <c r="K54" s="137">
        <v>45748</v>
      </c>
    </row>
    <row r="55" spans="1:11" ht="26.25" customHeight="1" x14ac:dyDescent="0.15">
      <c r="A55" s="119">
        <v>54</v>
      </c>
      <c r="B55" s="12">
        <v>1660190875</v>
      </c>
      <c r="C55" s="16" t="s">
        <v>2117</v>
      </c>
      <c r="D55" s="12">
        <v>9300037</v>
      </c>
      <c r="E55" s="67" t="s">
        <v>358</v>
      </c>
      <c r="F55" s="12" t="s">
        <v>1557</v>
      </c>
      <c r="G55" s="12" t="s">
        <v>118</v>
      </c>
      <c r="H55" s="12" t="s">
        <v>118</v>
      </c>
      <c r="I55" s="12" t="s">
        <v>2118</v>
      </c>
      <c r="J55" s="12" t="s">
        <v>2118</v>
      </c>
      <c r="K55" s="138">
        <v>45778</v>
      </c>
    </row>
    <row r="56" spans="1:11" ht="26.25" customHeight="1" x14ac:dyDescent="0.15">
      <c r="A56" s="119">
        <v>55</v>
      </c>
      <c r="B56" s="12">
        <v>1660190883</v>
      </c>
      <c r="C56" s="16" t="s">
        <v>1465</v>
      </c>
      <c r="D56" s="12">
        <v>9300953</v>
      </c>
      <c r="E56" s="67" t="s">
        <v>2145</v>
      </c>
      <c r="F56" s="12" t="s">
        <v>983</v>
      </c>
      <c r="G56" s="12" t="s">
        <v>118</v>
      </c>
      <c r="H56" s="12" t="s">
        <v>118</v>
      </c>
      <c r="I56" s="12" t="s">
        <v>578</v>
      </c>
      <c r="J56" s="12" t="s">
        <v>2146</v>
      </c>
      <c r="K56" s="139">
        <v>45870</v>
      </c>
    </row>
    <row r="57" spans="1:11" ht="24.75" customHeight="1" x14ac:dyDescent="0.15">
      <c r="A57" s="119">
        <v>56</v>
      </c>
      <c r="B57" s="12">
        <v>1660190909</v>
      </c>
      <c r="C57" s="16" t="s">
        <v>732</v>
      </c>
      <c r="D57" s="12">
        <v>9300964</v>
      </c>
      <c r="E57" s="67" t="s">
        <v>461</v>
      </c>
      <c r="F57" s="64" t="s">
        <v>983</v>
      </c>
      <c r="G57" s="64" t="s">
        <v>118</v>
      </c>
      <c r="H57" s="64" t="s">
        <v>118</v>
      </c>
      <c r="I57" s="64" t="s">
        <v>1179</v>
      </c>
      <c r="J57" s="64" t="s">
        <v>2162</v>
      </c>
      <c r="K57" s="140">
        <v>45992</v>
      </c>
    </row>
  </sheetData>
  <phoneticPr fontId="5"/>
  <pageMargins left="0.59055118110236227" right="0.39370078740157483" top="0.78740157480314965" bottom="0.39370078740157483" header="0.51181102362204722" footer="0.31496062992125984"/>
  <pageSetup paperSize="9" scale="71" fitToHeight="0" orientation="landscape" r:id="rId1"/>
  <headerFooter>
    <oddHeader xml:space="preserve">&amp;C
訪問看護事業所（指定訪問看護ステーション）
</oddHeader>
    <oddFooter>&amp;C&amp;P&amp;R(訪問看護ステーション)</oddFooter>
  </headerFooter>
  <rowBreaks count="1" manualBreakCount="1">
    <brk id="28" max="10" man="1"/>
  </rowBreaks>
  <ignoredErrors>
    <ignoredError sqref="D25" numberStoredAsText="1"/>
  </ignoredError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9"/>
  </sheetPr>
  <dimension ref="A1:L12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4.625" style="1" customWidth="1"/>
    <col min="4" max="4" width="10.625" style="1" customWidth="1"/>
    <col min="5" max="5" width="40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1" customWidth="1"/>
    <col min="12" max="16384" width="9" style="1"/>
  </cols>
  <sheetData>
    <row r="1" spans="1:12" ht="36.950000000000003" customHeight="1" x14ac:dyDescent="0.15">
      <c r="A1" s="141"/>
      <c r="B1" s="143" t="s">
        <v>285</v>
      </c>
      <c r="C1" s="143" t="s">
        <v>1259</v>
      </c>
      <c r="D1" s="38" t="s">
        <v>1866</v>
      </c>
      <c r="E1" s="143" t="s">
        <v>184</v>
      </c>
      <c r="F1" s="11" t="s">
        <v>1242</v>
      </c>
      <c r="G1" s="11" t="s">
        <v>406</v>
      </c>
      <c r="H1" s="11" t="s">
        <v>772</v>
      </c>
      <c r="I1" s="38" t="s">
        <v>832</v>
      </c>
      <c r="J1" s="143" t="s">
        <v>1726</v>
      </c>
      <c r="K1" s="150" t="s">
        <v>1122</v>
      </c>
    </row>
    <row r="2" spans="1:12" ht="26.25" customHeight="1" x14ac:dyDescent="0.15">
      <c r="A2" s="9">
        <v>1</v>
      </c>
      <c r="B2" s="14" t="s">
        <v>1268</v>
      </c>
      <c r="C2" s="69" t="s">
        <v>218</v>
      </c>
      <c r="D2" s="14" t="s">
        <v>1269</v>
      </c>
      <c r="E2" s="69" t="s">
        <v>1007</v>
      </c>
      <c r="F2" s="12" t="s">
        <v>1353</v>
      </c>
      <c r="G2" s="12" t="s">
        <v>118</v>
      </c>
      <c r="H2" s="12" t="s">
        <v>118</v>
      </c>
      <c r="I2" s="14" t="s">
        <v>276</v>
      </c>
      <c r="J2" s="14" t="s">
        <v>119</v>
      </c>
      <c r="K2" s="39">
        <v>39722</v>
      </c>
    </row>
    <row r="3" spans="1:12" ht="26.25" customHeight="1" x14ac:dyDescent="0.15">
      <c r="A3" s="9">
        <v>2</v>
      </c>
      <c r="B3" s="14" t="s">
        <v>1272</v>
      </c>
      <c r="C3" s="69" t="s">
        <v>351</v>
      </c>
      <c r="D3" s="14" t="s">
        <v>1265</v>
      </c>
      <c r="E3" s="69" t="s">
        <v>350</v>
      </c>
      <c r="F3" s="12" t="s">
        <v>1311</v>
      </c>
      <c r="G3" s="12" t="s">
        <v>118</v>
      </c>
      <c r="H3" s="12" t="s">
        <v>118</v>
      </c>
      <c r="I3" s="14" t="s">
        <v>706</v>
      </c>
      <c r="J3" s="14" t="s">
        <v>712</v>
      </c>
      <c r="K3" s="39">
        <v>39783</v>
      </c>
    </row>
    <row r="4" spans="1:12" ht="26.25" customHeight="1" x14ac:dyDescent="0.15">
      <c r="A4" s="9">
        <v>3</v>
      </c>
      <c r="B4" s="14" t="s">
        <v>634</v>
      </c>
      <c r="C4" s="69" t="s">
        <v>97</v>
      </c>
      <c r="D4" s="14" t="s">
        <v>1023</v>
      </c>
      <c r="E4" s="69" t="s">
        <v>598</v>
      </c>
      <c r="F4" s="12" t="s">
        <v>106</v>
      </c>
      <c r="G4" s="12" t="s">
        <v>118</v>
      </c>
      <c r="H4" s="12" t="s">
        <v>118</v>
      </c>
      <c r="I4" s="14" t="s">
        <v>468</v>
      </c>
      <c r="J4" s="14" t="s">
        <v>470</v>
      </c>
      <c r="K4" s="39">
        <v>39934</v>
      </c>
    </row>
    <row r="5" spans="1:12" ht="26.25" customHeight="1" x14ac:dyDescent="0.15">
      <c r="A5" s="9">
        <v>4</v>
      </c>
      <c r="B5" s="14" t="s">
        <v>485</v>
      </c>
      <c r="C5" s="69" t="s">
        <v>1041</v>
      </c>
      <c r="D5" s="14" t="s">
        <v>1274</v>
      </c>
      <c r="E5" s="69" t="s">
        <v>1523</v>
      </c>
      <c r="F5" s="12" t="s">
        <v>1356</v>
      </c>
      <c r="G5" s="12" t="s">
        <v>118</v>
      </c>
      <c r="H5" s="12" t="s">
        <v>118</v>
      </c>
      <c r="I5" s="14" t="s">
        <v>373</v>
      </c>
      <c r="J5" s="14" t="s">
        <v>374</v>
      </c>
      <c r="K5" s="39">
        <v>40969</v>
      </c>
    </row>
    <row r="6" spans="1:12" ht="26.25" customHeight="1" x14ac:dyDescent="0.15">
      <c r="A6" s="9">
        <v>5</v>
      </c>
      <c r="B6" s="14" t="s">
        <v>1275</v>
      </c>
      <c r="C6" s="69" t="s">
        <v>103</v>
      </c>
      <c r="D6" s="14" t="s">
        <v>1266</v>
      </c>
      <c r="E6" s="16" t="s">
        <v>1307</v>
      </c>
      <c r="F6" s="12" t="s">
        <v>1357</v>
      </c>
      <c r="G6" s="12" t="s">
        <v>118</v>
      </c>
      <c r="H6" s="12" t="s">
        <v>118</v>
      </c>
      <c r="I6" s="14" t="s">
        <v>1074</v>
      </c>
      <c r="J6" s="14" t="s">
        <v>417</v>
      </c>
      <c r="K6" s="39">
        <v>41091</v>
      </c>
    </row>
    <row r="7" spans="1:12" ht="26.25" customHeight="1" x14ac:dyDescent="0.15">
      <c r="A7" s="9">
        <v>6</v>
      </c>
      <c r="B7" s="14">
        <v>1650180118</v>
      </c>
      <c r="C7" s="69" t="s">
        <v>1287</v>
      </c>
      <c r="D7" s="14" t="s">
        <v>1332</v>
      </c>
      <c r="E7" s="16" t="s">
        <v>1290</v>
      </c>
      <c r="F7" s="12" t="s">
        <v>1388</v>
      </c>
      <c r="G7" s="12" t="s">
        <v>118</v>
      </c>
      <c r="H7" s="12" t="s">
        <v>118</v>
      </c>
      <c r="I7" s="14" t="s">
        <v>207</v>
      </c>
      <c r="J7" s="14" t="s">
        <v>121</v>
      </c>
      <c r="K7" s="39">
        <v>41579</v>
      </c>
    </row>
    <row r="8" spans="1:12" customFormat="1" ht="26.25" customHeight="1" x14ac:dyDescent="0.15">
      <c r="A8" s="9">
        <v>7</v>
      </c>
      <c r="B8" s="144">
        <v>1670101706</v>
      </c>
      <c r="C8" s="147" t="s">
        <v>1384</v>
      </c>
      <c r="D8" s="144" t="s">
        <v>1125</v>
      </c>
      <c r="E8" s="147" t="s">
        <v>1387</v>
      </c>
      <c r="F8" s="13" t="s">
        <v>814</v>
      </c>
      <c r="G8" s="13" t="s">
        <v>118</v>
      </c>
      <c r="H8" s="13" t="s">
        <v>118</v>
      </c>
      <c r="I8" s="13" t="s">
        <v>561</v>
      </c>
      <c r="J8" s="144" t="s">
        <v>290</v>
      </c>
      <c r="K8" s="50">
        <v>42461</v>
      </c>
    </row>
    <row r="9" spans="1:12" customFormat="1" ht="26.25" customHeight="1" x14ac:dyDescent="0.15">
      <c r="A9" s="9">
        <v>8</v>
      </c>
      <c r="B9" s="12">
        <v>1670114980</v>
      </c>
      <c r="C9" s="67" t="s">
        <v>2071</v>
      </c>
      <c r="D9" s="12">
        <v>9398272</v>
      </c>
      <c r="E9" s="16" t="s">
        <v>2072</v>
      </c>
      <c r="F9" s="24" t="s">
        <v>46</v>
      </c>
      <c r="G9" s="12" t="s">
        <v>118</v>
      </c>
      <c r="H9" s="12" t="s">
        <v>118</v>
      </c>
      <c r="I9" s="12" t="s">
        <v>607</v>
      </c>
      <c r="J9" s="12" t="s">
        <v>614</v>
      </c>
      <c r="K9" s="39">
        <v>44013</v>
      </c>
    </row>
    <row r="10" spans="1:12" customFormat="1" ht="26.25" customHeight="1" x14ac:dyDescent="0.15">
      <c r="A10" s="9">
        <v>9</v>
      </c>
      <c r="B10" s="64">
        <v>1650180175</v>
      </c>
      <c r="C10" s="123" t="s">
        <v>1888</v>
      </c>
      <c r="D10" s="64">
        <v>9398092</v>
      </c>
      <c r="E10" s="78" t="s">
        <v>636</v>
      </c>
      <c r="F10" s="64" t="s">
        <v>227</v>
      </c>
      <c r="G10" s="64" t="s">
        <v>118</v>
      </c>
      <c r="H10" s="64" t="s">
        <v>118</v>
      </c>
      <c r="I10" s="64" t="s">
        <v>526</v>
      </c>
      <c r="J10" s="64" t="s">
        <v>112</v>
      </c>
      <c r="K10" s="151">
        <v>44773</v>
      </c>
    </row>
    <row r="11" spans="1:12" ht="26.25" customHeight="1" x14ac:dyDescent="0.15">
      <c r="A11" s="9">
        <v>10</v>
      </c>
      <c r="B11" s="145">
        <v>1650180209</v>
      </c>
      <c r="C11" s="148" t="s">
        <v>2105</v>
      </c>
      <c r="D11" s="145">
        <v>9392224</v>
      </c>
      <c r="E11" s="149" t="s">
        <v>2106</v>
      </c>
      <c r="F11" s="145" t="s">
        <v>620</v>
      </c>
      <c r="G11" s="64" t="s">
        <v>118</v>
      </c>
      <c r="H11" s="64" t="s">
        <v>118</v>
      </c>
      <c r="I11" s="145" t="s">
        <v>48</v>
      </c>
      <c r="J11" s="145" t="s">
        <v>934</v>
      </c>
      <c r="K11" s="152">
        <v>45748</v>
      </c>
      <c r="L11" s="36"/>
    </row>
    <row r="12" spans="1:12" x14ac:dyDescent="0.15">
      <c r="A12" s="142"/>
      <c r="B12" s="146"/>
      <c r="C12" s="146"/>
      <c r="D12" s="146"/>
      <c r="E12" s="146"/>
      <c r="F12" s="146"/>
      <c r="G12" s="146"/>
      <c r="H12" s="146"/>
      <c r="I12" s="146"/>
      <c r="J12" s="146"/>
      <c r="K12" s="146"/>
    </row>
  </sheetData>
  <phoneticPr fontId="5"/>
  <pageMargins left="0.70866141732283472" right="0.31496062992125984" top="0.74803149606299213" bottom="0.74803149606299213" header="0.51181102362204722" footer="0.31496062992125984"/>
  <pageSetup paperSize="9" scale="80" orientation="landscape" r:id="rId1"/>
  <headerFooter>
    <oddHeader>&amp;C訪問リハビリテーション事業所</oddHeader>
    <oddFooter>&amp;C&amp;P&amp;R(&amp;A)</oddFooter>
  </headerFooter>
  <ignoredErrors>
    <ignoredError sqref="B2:B6 D2:D8" numberStoredAsText="1"/>
  </ignoredError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26">
    <tabColor theme="9"/>
  </sheetPr>
  <dimension ref="A1:K16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4.625" style="1" customWidth="1"/>
    <col min="4" max="4" width="10.625" style="1" customWidth="1"/>
    <col min="5" max="5" width="40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1" customWidth="1"/>
    <col min="12" max="16384" width="9" style="1"/>
  </cols>
  <sheetData>
    <row r="1" spans="1:11" ht="36.950000000000003" customHeight="1" x14ac:dyDescent="0.15">
      <c r="A1" s="153"/>
      <c r="B1" s="143" t="s">
        <v>285</v>
      </c>
      <c r="C1" s="143" t="s">
        <v>1259</v>
      </c>
      <c r="D1" s="38" t="s">
        <v>1866</v>
      </c>
      <c r="E1" s="143" t="s">
        <v>184</v>
      </c>
      <c r="F1" s="11" t="s">
        <v>1242</v>
      </c>
      <c r="G1" s="11" t="s">
        <v>406</v>
      </c>
      <c r="H1" s="11" t="s">
        <v>772</v>
      </c>
      <c r="I1" s="38" t="s">
        <v>832</v>
      </c>
      <c r="J1" s="143" t="s">
        <v>1726</v>
      </c>
      <c r="K1" s="150" t="s">
        <v>1122</v>
      </c>
    </row>
    <row r="2" spans="1:11" customFormat="1" x14ac:dyDescent="0.15"/>
    <row r="3" spans="1:11" customFormat="1" x14ac:dyDescent="0.15"/>
    <row r="4" spans="1:11" customFormat="1" x14ac:dyDescent="0.15"/>
    <row r="5" spans="1:11" customFormat="1" x14ac:dyDescent="0.15"/>
    <row r="6" spans="1:11" customFormat="1" x14ac:dyDescent="0.15"/>
    <row r="7" spans="1:11" customFormat="1" x14ac:dyDescent="0.15"/>
    <row r="8" spans="1:11" customFormat="1" x14ac:dyDescent="0.15"/>
    <row r="9" spans="1:11" customFormat="1" x14ac:dyDescent="0.15">
      <c r="I9" s="51"/>
    </row>
    <row r="10" spans="1:11" customFormat="1" x14ac:dyDescent="0.15"/>
    <row r="11" spans="1:11" customFormat="1" x14ac:dyDescent="0.15"/>
    <row r="12" spans="1:11" customFormat="1" x14ac:dyDescent="0.15"/>
    <row r="13" spans="1:11" customFormat="1" x14ac:dyDescent="0.15"/>
    <row r="14" spans="1:11" customFormat="1" x14ac:dyDescent="0.15"/>
    <row r="15" spans="1:11" customFormat="1" x14ac:dyDescent="0.15"/>
    <row r="16" spans="1:11" customFormat="1" x14ac:dyDescent="0.15"/>
  </sheetData>
  <phoneticPr fontId="5"/>
  <printOptions horizontalCentered="1" gridLines="1"/>
  <pageMargins left="0.59055118110236227" right="0.19685039370078741" top="0.78740157480314965" bottom="0.39370078740157483" header="0.51181102362204722" footer="0.19685039370078741"/>
  <pageSetup paperSize="9" scale="75" orientation="landscape" r:id="rId1"/>
  <headerFooter alignWithMargins="0">
    <oddHeader>&amp;C&amp;14居宅療養管理指導事業所一覧</oddHeader>
    <oddFooter>&amp;C&amp;P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7</vt:i4>
      </vt:variant>
      <vt:variant>
        <vt:lpstr>名前付き一覧</vt:lpstr>
      </vt:variant>
      <vt:variant>
        <vt:i4>20</vt:i4>
      </vt:variant>
    </vt:vector>
  </HeadingPairs>
  <TitlesOfParts>
    <vt:vector size="37" baseType="lpstr">
      <vt:lpstr>表紙</vt:lpstr>
      <vt:lpstr>特養</vt:lpstr>
      <vt:lpstr>老健</vt:lpstr>
      <vt:lpstr>医療院</vt:lpstr>
      <vt:lpstr>訪問介護</vt:lpstr>
      <vt:lpstr>訪問入浴介護</vt:lpstr>
      <vt:lpstr>訪問看護</vt:lpstr>
      <vt:lpstr>訪問リハ</vt:lpstr>
      <vt:lpstr>居宅療養管理指導</vt:lpstr>
      <vt:lpstr>通所介護</vt:lpstr>
      <vt:lpstr>通所リハ</vt:lpstr>
      <vt:lpstr>短期入所生活介護</vt:lpstr>
      <vt:lpstr>短期入所療養介護</vt:lpstr>
      <vt:lpstr>特定施設入居者生活介護</vt:lpstr>
      <vt:lpstr>福祉用具貸与</vt:lpstr>
      <vt:lpstr>特定福祉用具販売</vt:lpstr>
      <vt:lpstr>居宅介護支援</vt:lpstr>
      <vt:lpstr>医療院!Print_Area</vt:lpstr>
      <vt:lpstr>居宅介護支援!Print_Area</vt:lpstr>
      <vt:lpstr>居宅療養管理指導!Print_Area</vt:lpstr>
      <vt:lpstr>短期入所生活介護!Print_Area</vt:lpstr>
      <vt:lpstr>短期入所療養介護!Print_Area</vt:lpstr>
      <vt:lpstr>通所リハ!Print_Area</vt:lpstr>
      <vt:lpstr>通所介護!Print_Area</vt:lpstr>
      <vt:lpstr>特定施設入居者生活介護!Print_Area</vt:lpstr>
      <vt:lpstr>特定福祉用具販売!Print_Area</vt:lpstr>
      <vt:lpstr>福祉用具貸与!Print_Area</vt:lpstr>
      <vt:lpstr>訪問リハ!Print_Area</vt:lpstr>
      <vt:lpstr>訪問介護!Print_Area</vt:lpstr>
      <vt:lpstr>訪問看護!Print_Area</vt:lpstr>
      <vt:lpstr>居宅介護支援!Print_Titles</vt:lpstr>
      <vt:lpstr>居宅療養管理指導!Print_Titles</vt:lpstr>
      <vt:lpstr>短期入所療養介護!Print_Titles</vt:lpstr>
      <vt:lpstr>通所介護!Print_Titles</vt:lpstr>
      <vt:lpstr>特定施設入居者生活介護!Print_Titles</vt:lpstr>
      <vt:lpstr>特定福祉用具販売!Print_Titles</vt:lpstr>
      <vt:lpstr>訪問介護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谷口　史</dc:creator>
  <cp:lastModifiedBy>増山　和佳奈</cp:lastModifiedBy>
  <cp:lastPrinted>2025-07-03T23:46:28Z</cp:lastPrinted>
  <dcterms:created xsi:type="dcterms:W3CDTF">2001-04-19T23:20:41Z</dcterms:created>
  <dcterms:modified xsi:type="dcterms:W3CDTF">2025-12-10T07:13:2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5-12-10T07:08:09Z</vt:filetime>
  </property>
</Properties>
</file>